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3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502EA8B2-A618-4522-8F43-0A08004A1F25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  <sheet name="Sheet2" sheetId="2" r:id="rId2"/>
    <sheet name="Sheet3" sheetId="3" r:id="rId3"/>
  </sheets>
  <calcPr calcId="114210"/>
</workbook>
</file>

<file path=xl/sharedStrings.xml><?xml version="1.0" encoding="utf-8"?>
<sst xmlns="http://schemas.openxmlformats.org/spreadsheetml/2006/main" count="1073" uniqueCount="696">
  <si>
    <t>LOCAL CHAPTER ANNUAL BUSINESS REPORT</t>
  </si>
  <si>
    <t>SCHOOL</t>
  </si>
  <si>
    <t>Monarch</t>
  </si>
  <si>
    <t>Big Sandy</t>
  </si>
  <si>
    <t>Liberty-Joes</t>
  </si>
  <si>
    <t>Caliche</t>
  </si>
  <si>
    <t>Idalia</t>
  </si>
  <si>
    <t>Calhan</t>
  </si>
  <si>
    <t>Haxtun</t>
  </si>
  <si>
    <t>Fort Lupton</t>
  </si>
  <si>
    <t>Holyoke</t>
  </si>
  <si>
    <t>Sargent</t>
  </si>
  <si>
    <t>PLACE</t>
  </si>
  <si>
    <t>STUDENT</t>
  </si>
  <si>
    <t>EMERGING BUSINESS ISSUES</t>
  </si>
  <si>
    <t>PUEBLO CENTENNIAL</t>
  </si>
  <si>
    <t>ELIZABETH STROO</t>
  </si>
  <si>
    <t>ANANT PRADHAN</t>
  </si>
  <si>
    <t>ELLIOTT DUDLEY</t>
  </si>
  <si>
    <t>HAXTUN</t>
  </si>
  <si>
    <t>KATELYN STARKEBAUM</t>
  </si>
  <si>
    <t>KIELEY WILSON</t>
  </si>
  <si>
    <t>SUZANNE TACHENEY</t>
  </si>
  <si>
    <t>LUCY TUNNA</t>
  </si>
  <si>
    <t>SERWAA ADJEI</t>
  </si>
  <si>
    <t>GLENWOOD SPRINGS</t>
  </si>
  <si>
    <t>MARCUS BOSCO</t>
  </si>
  <si>
    <t>SCOTT STRAUS</t>
  </si>
  <si>
    <t>ARAPAHOE</t>
  </si>
  <si>
    <t>KELLY HANSON</t>
  </si>
  <si>
    <t>NICOLE MARKINSOHN</t>
  </si>
  <si>
    <t>PAGOSA SPRINGS</t>
  </si>
  <si>
    <t>MARK TRUAX</t>
  </si>
  <si>
    <t>BRETT GARMAN</t>
  </si>
  <si>
    <t>ELIJAH OLACHEA</t>
  </si>
  <si>
    <t>MATT NOBLES</t>
  </si>
  <si>
    <t>DANIEL AUPPERLE</t>
  </si>
  <si>
    <t>LA JUNTA</t>
  </si>
  <si>
    <t>ANGELA HARDY</t>
  </si>
  <si>
    <t>CASEY KUHNS</t>
  </si>
  <si>
    <t>RENAE ESTRADA</t>
  </si>
  <si>
    <t>WIGGINS</t>
  </si>
  <si>
    <t>AMY WARDEN</t>
  </si>
  <si>
    <t>KARI KOPETZKY</t>
  </si>
  <si>
    <t>SKYLINE</t>
  </si>
  <si>
    <t>L BYERS</t>
  </si>
  <si>
    <t>JOSH MILLARD</t>
  </si>
  <si>
    <t>R GOLDSTEIN</t>
  </si>
  <si>
    <t>INTRODUCTION TO BUSINESS</t>
  </si>
  <si>
    <t>RACHEL SELBST</t>
  </si>
  <si>
    <t>GRANDVIEW</t>
  </si>
  <si>
    <t>DANIELEE GORANSON</t>
  </si>
  <si>
    <t>PEETZ</t>
  </si>
  <si>
    <t>CATHY SAUTER</t>
  </si>
  <si>
    <t>AKSHAY BUDDIGA</t>
  </si>
  <si>
    <t>RAMPART</t>
  </si>
  <si>
    <t>BRETT MARSHBANKS</t>
  </si>
  <si>
    <t>SWINK</t>
  </si>
  <si>
    <t>CRAIG HALE</t>
  </si>
  <si>
    <t>GEORGE WASHINGTON</t>
  </si>
  <si>
    <t>MONTE VISTA</t>
  </si>
  <si>
    <t>RYAN HILLAN</t>
  </si>
  <si>
    <t>KASSIDEE BENTON</t>
  </si>
  <si>
    <t>LIBERTY JOES</t>
  </si>
  <si>
    <t>MATTHEW FUJIMOTO</t>
  </si>
  <si>
    <t>FALCON</t>
  </si>
  <si>
    <t>TANNER POWELL</t>
  </si>
  <si>
    <t>BENNETT</t>
  </si>
  <si>
    <t>INTRODUCTION TO PARLIAMENTARY PROCEDURE</t>
  </si>
  <si>
    <t>GAIL LYONS</t>
  </si>
  <si>
    <t>RIFLE</t>
  </si>
  <si>
    <t>JESSICA HAWTHORNE</t>
  </si>
  <si>
    <t>SYDNIE DILLON</t>
  </si>
  <si>
    <t>FORT LUPTON</t>
  </si>
  <si>
    <t>CHARLES BOYD</t>
  </si>
  <si>
    <t>FLAGLER</t>
  </si>
  <si>
    <t>JEN BERGMAN</t>
  </si>
  <si>
    <t>RACHEL JACKSON</t>
  </si>
  <si>
    <t>SALIDA</t>
  </si>
  <si>
    <t>JEFF HUNT</t>
  </si>
  <si>
    <t>OLATHE</t>
  </si>
  <si>
    <t>LACIE HOSKINS</t>
  </si>
  <si>
    <t>DANNY LYONS</t>
  </si>
  <si>
    <t>VANESSA BARELA</t>
  </si>
  <si>
    <t>ANTONITO</t>
  </si>
  <si>
    <t>BUSINESS MATH</t>
  </si>
  <si>
    <t>CHRIS WOODRUFF</t>
  </si>
  <si>
    <t>BATTLE MOUNTAIN</t>
  </si>
  <si>
    <t>JANNA HOZA</t>
  </si>
  <si>
    <t>HAYDEN</t>
  </si>
  <si>
    <t>JOSH KUNTZ</t>
  </si>
  <si>
    <t>MIDDLE PARK</t>
  </si>
  <si>
    <t>MATT SEWICK</t>
  </si>
  <si>
    <t>SMOKY HILL</t>
  </si>
  <si>
    <t>DARBY EMERSON</t>
  </si>
  <si>
    <t>WINDSOR</t>
  </si>
  <si>
    <t>JESSICA ELLIS</t>
  </si>
  <si>
    <t>WRAY</t>
  </si>
  <si>
    <t>TREY QUILLER</t>
  </si>
  <si>
    <t>DAVID STONE</t>
  </si>
  <si>
    <t>THORNTON</t>
  </si>
  <si>
    <t>MARCUS STEWART</t>
  </si>
  <si>
    <t xml:space="preserve">VALLEY </t>
  </si>
  <si>
    <t>BRANDI REID</t>
  </si>
  <si>
    <t>INTRODUCTION TO BUSINESS COMMUNICATION</t>
  </si>
  <si>
    <t>PAUL MACIAS</t>
  </si>
  <si>
    <t>CYNDI KOPETZKY</t>
  </si>
  <si>
    <t>LINDSAY LEVINE</t>
  </si>
  <si>
    <t>GRAND VALLEY</t>
  </si>
  <si>
    <t>NICOLE SPEAKE</t>
  </si>
  <si>
    <t>ELIZABETH</t>
  </si>
  <si>
    <t>MOLLY ARMBRISTER</t>
  </si>
  <si>
    <t>BURLINGTON</t>
  </si>
  <si>
    <t>SUNEE FLESHMAN</t>
  </si>
  <si>
    <t>HOEHNE</t>
  </si>
  <si>
    <t>JESSIE JACOBSON</t>
  </si>
  <si>
    <t>CHERRY CREEK</t>
  </si>
  <si>
    <t>KELSEY KREAGER</t>
  </si>
  <si>
    <t>MONARCH</t>
  </si>
  <si>
    <t>RHONDA ROBERTS</t>
  </si>
  <si>
    <t>LITTLETON</t>
  </si>
  <si>
    <t>TRICIA SMART</t>
  </si>
  <si>
    <t>INTERNATIONAL BUSINESS</t>
  </si>
  <si>
    <t xml:space="preserve">PLACE </t>
  </si>
  <si>
    <t>CAROLINE HOLTSCHMIT</t>
  </si>
  <si>
    <t>UNIVERSITY</t>
  </si>
  <si>
    <t>ISAAC MORRIS</t>
  </si>
  <si>
    <t>DOHERTY</t>
  </si>
  <si>
    <t>CHRISTOPHER KITT</t>
  </si>
  <si>
    <t>NIWOT</t>
  </si>
  <si>
    <t>TAD BEAVERS</t>
  </si>
  <si>
    <t>BOB MULGREW</t>
  </si>
  <si>
    <t>RYAN SULLIVAN</t>
  </si>
  <si>
    <t>CHAPPARAL</t>
  </si>
  <si>
    <t>JOHN MATTOON</t>
  </si>
  <si>
    <t>OVERLAND</t>
  </si>
  <si>
    <t>ALICIA EGGEN</t>
  </si>
  <si>
    <t>MARISSA DAVIS</t>
  </si>
  <si>
    <t>POUDRE</t>
  </si>
  <si>
    <t>FBLA PRINCIPLES AND PROCEDURES</t>
  </si>
  <si>
    <t>EMILY FACCHINELLO</t>
  </si>
  <si>
    <t>CALICHE</t>
  </si>
  <si>
    <t>MEGAN HAZARD</t>
  </si>
  <si>
    <t>MOUNTAIN VALLEY</t>
  </si>
  <si>
    <t>BREA MARSHBANKS</t>
  </si>
  <si>
    <t>CALHAN</t>
  </si>
  <si>
    <t>KATIE DAVISON</t>
  </si>
  <si>
    <t>MARIA MENDEZ</t>
  </si>
  <si>
    <t>MELINDA SPURLIN</t>
  </si>
  <si>
    <t>ARCHIANNA ASUNCION</t>
  </si>
  <si>
    <t>SPENCER CUMMINS</t>
  </si>
  <si>
    <t>SHAWNA STIEB</t>
  </si>
  <si>
    <t>HERITAGE</t>
  </si>
  <si>
    <t>BANKING AND FINANCIAL SYSTEMS</t>
  </si>
  <si>
    <t>DAVID SUMPTER</t>
  </si>
  <si>
    <t>DEREK SARCHET</t>
  </si>
  <si>
    <t>GREELEY WEST</t>
  </si>
  <si>
    <t>CHRIS PRADO</t>
  </si>
  <si>
    <t>JAMES HOYSICK</t>
  </si>
  <si>
    <t>VANYA PASHALIYSKA</t>
  </si>
  <si>
    <t>ENGLEWOOD</t>
  </si>
  <si>
    <t>SPENCER GANG</t>
  </si>
  <si>
    <t>ERIN DOUGHERTY</t>
  </si>
  <si>
    <t>BERTHOUD</t>
  </si>
  <si>
    <t>CARL MARTIN</t>
  </si>
  <si>
    <t>ABBIE STOUT</t>
  </si>
  <si>
    <t>BUSINESS CALCULATIONS</t>
  </si>
  <si>
    <t>SCOTT DIERKING</t>
  </si>
  <si>
    <t>NICK NEWBY</t>
  </si>
  <si>
    <t>HILARY KUSHNIR</t>
  </si>
  <si>
    <t>AMBER SCHWARTZ</t>
  </si>
  <si>
    <t>PLATTE VALLEY</t>
  </si>
  <si>
    <t>ANDY NICEWICZ</t>
  </si>
  <si>
    <t>HOTCHKISS</t>
  </si>
  <si>
    <t>HOLLI BRANDT</t>
  </si>
  <si>
    <t>STERLING</t>
  </si>
  <si>
    <t>TERI VICK</t>
  </si>
  <si>
    <t>HUGO</t>
  </si>
  <si>
    <t>ALYSSA PIERSON</t>
  </si>
  <si>
    <t>STEAMBOAT SPRINGS</t>
  </si>
  <si>
    <t>RANGELY</t>
  </si>
  <si>
    <t>SHELBY SHERIDAN</t>
  </si>
  <si>
    <t>HEATHER ANDERSON</t>
  </si>
  <si>
    <t>BUSINESS LAW</t>
  </si>
  <si>
    <t>ASHLEY BEATTIE</t>
  </si>
  <si>
    <t>ROOSEVELT</t>
  </si>
  <si>
    <t>MARY REGIER</t>
  </si>
  <si>
    <t>JULESBURG</t>
  </si>
  <si>
    <t>MATT CLOYD</t>
  </si>
  <si>
    <t>DANIEL SAINT</t>
  </si>
  <si>
    <t>ESTES PARK</t>
  </si>
  <si>
    <t>TYLER HIMELSTIEB</t>
  </si>
  <si>
    <t>MONTROSE</t>
  </si>
  <si>
    <t>ABBY LAMBRECHT</t>
  </si>
  <si>
    <t>NICK WILSON</t>
  </si>
  <si>
    <t>FLORENCE</t>
  </si>
  <si>
    <t>STACEY KARG</t>
  </si>
  <si>
    <t>MONICA WILSON</t>
  </si>
  <si>
    <t>FORT COLLINS</t>
  </si>
  <si>
    <t>STEPHANIE SCHULTZ</t>
  </si>
  <si>
    <t xml:space="preserve">EATON </t>
  </si>
  <si>
    <t>ECONOMICS</t>
  </si>
  <si>
    <t>MARK HEIM</t>
  </si>
  <si>
    <t>THOMPSON VALLEY</t>
  </si>
  <si>
    <t>JEREMY WALDORF</t>
  </si>
  <si>
    <t>LEO JIANG</t>
  </si>
  <si>
    <t>NICK DILLON</t>
  </si>
  <si>
    <t>WILLIAM WYSONG</t>
  </si>
  <si>
    <t>CORONADO</t>
  </si>
  <si>
    <t>TSIA SINN</t>
  </si>
  <si>
    <t>ANDREW JEWETT</t>
  </si>
  <si>
    <t>JAKE MCGUIRE</t>
  </si>
  <si>
    <t>ANDY CRAIG</t>
  </si>
  <si>
    <t>ERIC THOMPSON</t>
  </si>
  <si>
    <t>ACCOUNTING II</t>
  </si>
  <si>
    <t>BUSINESS COMMUNICATIONS</t>
  </si>
  <si>
    <t>ALEX STILLER-SHULMAN</t>
  </si>
  <si>
    <t>KAITLIN SOEHNER</t>
  </si>
  <si>
    <t>IDALIA</t>
  </si>
  <si>
    <t>ANDREW NYGAARD</t>
  </si>
  <si>
    <t>HOLYOKE</t>
  </si>
  <si>
    <t>BRITTANY GARCIA</t>
  </si>
  <si>
    <t>AMBER MAY</t>
  </si>
  <si>
    <t>KYLA PELLOCHOUD</t>
  </si>
  <si>
    <t>BRETT WINDHAUSEN</t>
  </si>
  <si>
    <t>MELISSA MONTGOMERY</t>
  </si>
  <si>
    <t>LAMAR</t>
  </si>
  <si>
    <t>ALYSE RECORD</t>
  </si>
  <si>
    <t>CEDAREDGE</t>
  </si>
  <si>
    <t>JESSIE VERSTRAETE</t>
  </si>
  <si>
    <t>OURAY</t>
  </si>
  <si>
    <t>LYNDSEY BISHOP</t>
  </si>
  <si>
    <t>NICHOLE SKOKAN</t>
  </si>
  <si>
    <t>ALLEN KRAUSS</t>
  </si>
  <si>
    <t>LIBERTY</t>
  </si>
  <si>
    <t>WHITNEY KEMP</t>
  </si>
  <si>
    <t>ANNIE PERIZZOLO</t>
  </si>
  <si>
    <t>RYAN RANSON</t>
  </si>
  <si>
    <t>SANDRA MANN</t>
  </si>
  <si>
    <t>FLINT TIMMINS</t>
  </si>
  <si>
    <t>ALAMOSA</t>
  </si>
  <si>
    <t>JOSHUA REGGIANI</t>
  </si>
  <si>
    <t>CHRISTINA BARRIGA</t>
  </si>
  <si>
    <t>NETWORK CONCEPTS</t>
  </si>
  <si>
    <t>CHRISTOPHER SYRIA</t>
  </si>
  <si>
    <t>JEFF ROLLINS</t>
  </si>
  <si>
    <t>CHRISTOPHER BAY</t>
  </si>
  <si>
    <t>KYLE PETERSON</t>
  </si>
  <si>
    <t>BOULDER TECH</t>
  </si>
  <si>
    <t>JASON TRANEL</t>
  </si>
  <si>
    <t>HANNAH MORRIS</t>
  </si>
  <si>
    <t>MASON HAUCK</t>
  </si>
  <si>
    <t>WOODLAND PARK</t>
  </si>
  <si>
    <t>EDGAR GARCIA</t>
  </si>
  <si>
    <t>SIERRA GARCIA</t>
  </si>
  <si>
    <t>ERIKA LEITE-DA-SILVA</t>
  </si>
  <si>
    <t>SARGENT</t>
  </si>
  <si>
    <t>ERIC HALL</t>
  </si>
  <si>
    <t>AKRON</t>
  </si>
  <si>
    <t>MARKETING</t>
  </si>
  <si>
    <t>JAMIE SMOLSKI</t>
  </si>
  <si>
    <t>RACHEL GUBBELS</t>
  </si>
  <si>
    <t>PONDEROSA</t>
  </si>
  <si>
    <t>BRIDGET KOEHLER</t>
  </si>
  <si>
    <t>AMY CONDAS</t>
  </si>
  <si>
    <t>PINE CREEK</t>
  </si>
  <si>
    <t>MICHAELLA GALLINA</t>
  </si>
  <si>
    <t>PUEBLO WEST</t>
  </si>
  <si>
    <t>EMILY LYNEIS</t>
  </si>
  <si>
    <t>ALLIE SCHOLAN</t>
  </si>
  <si>
    <t>DANIELLE FINDLEY</t>
  </si>
  <si>
    <t>RANGEVIEW</t>
  </si>
  <si>
    <t>JOE GAMARANO</t>
  </si>
  <si>
    <t>CHATFIELD</t>
  </si>
  <si>
    <t>ELIZABETH ARNOLD</t>
  </si>
  <si>
    <t>FOSSIL RIDGE</t>
  </si>
  <si>
    <t>COMPUTER CONCEPTS</t>
  </si>
  <si>
    <t>PAUL LUCERO</t>
  </si>
  <si>
    <t>EAGLECREST</t>
  </si>
  <si>
    <t>JOSEPH MILLS</t>
  </si>
  <si>
    <t>ANDREW SEXSON</t>
  </si>
  <si>
    <t>EAGLECAREST</t>
  </si>
  <si>
    <t>VIVEK CHADAYMMURI</t>
  </si>
  <si>
    <t>PATRICK ORTIZ</t>
  </si>
  <si>
    <t>KYLE CATLIN</t>
  </si>
  <si>
    <t>JACK ZHANG</t>
  </si>
  <si>
    <t>ROCKY FORD</t>
  </si>
  <si>
    <t>MATT SAWYER</t>
  </si>
  <si>
    <t>MEEKER</t>
  </si>
  <si>
    <t>THOMAS LIGHTBODY</t>
  </si>
  <si>
    <t>JOHN MORE</t>
  </si>
  <si>
    <t>ACCOUNTING I</t>
  </si>
  <si>
    <t>JAMES DEHERRERA</t>
  </si>
  <si>
    <t>MEGAN FAUCETTE</t>
  </si>
  <si>
    <t>SHANNON REGAN</t>
  </si>
  <si>
    <t>ELIZABETH PILE</t>
  </si>
  <si>
    <t>DEVIN CUMMINS</t>
  </si>
  <si>
    <t>TY BICKEL</t>
  </si>
  <si>
    <t>BRANDON DYER</t>
  </si>
  <si>
    <t>MELISSA MADDEN</t>
  </si>
  <si>
    <t>KATE SHOEMAKER</t>
  </si>
  <si>
    <t>PAWNEE</t>
  </si>
  <si>
    <t>LAUREN NICHOLAS</t>
  </si>
  <si>
    <t>COREY BEEBE</t>
  </si>
  <si>
    <t>JACLYN SMITH</t>
  </si>
  <si>
    <t>TECHNOLOGY CONCEPTS</t>
  </si>
  <si>
    <t>CHRIS MESSICK</t>
  </si>
  <si>
    <t>JOHN BOYD</t>
  </si>
  <si>
    <t>RENEE MUSGRAVE</t>
  </si>
  <si>
    <t>ALEX CHOTVACS</t>
  </si>
  <si>
    <t>STEAMBOAT</t>
  </si>
  <si>
    <t>MITCH VANCE</t>
  </si>
  <si>
    <t>KYLE VAUGHN</t>
  </si>
  <si>
    <t>EDWARD CHONG</t>
  </si>
  <si>
    <t>LARRY BATDORF</t>
  </si>
  <si>
    <t>PUEBLO COUNTY</t>
  </si>
  <si>
    <t>SEAN MCGRATH</t>
  </si>
  <si>
    <t>MCCLAVE</t>
  </si>
  <si>
    <t>JASON WINCHESTER</t>
  </si>
  <si>
    <t>CENTAURI</t>
  </si>
  <si>
    <t>BUSINESS PROCEDURES</t>
  </si>
  <si>
    <t>SARAH DAVISON</t>
  </si>
  <si>
    <t>JESS EICHELBERGER</t>
  </si>
  <si>
    <t>ROSIE LEE</t>
  </si>
  <si>
    <t>DAVID LAVERY</t>
  </si>
  <si>
    <t>KATHAN AMIN</t>
  </si>
  <si>
    <t>SARI SUNDBLOOM</t>
  </si>
  <si>
    <t>BAYFIELD</t>
  </si>
  <si>
    <t>PERRY KREUSSER</t>
  </si>
  <si>
    <t>ASHLEY GROSS</t>
  </si>
  <si>
    <t>MANDY HUIZAR</t>
  </si>
  <si>
    <t>SAND CREEK</t>
  </si>
  <si>
    <t>MOLLY SNOOK</t>
  </si>
  <si>
    <t>COMMUNITY SERVICE</t>
  </si>
  <si>
    <t>BIG SANDY</t>
  </si>
  <si>
    <t>SANGRE DE CRISTO</t>
  </si>
  <si>
    <t>LONE STAR</t>
  </si>
  <si>
    <t>MERINO</t>
  </si>
  <si>
    <t>PARTNERSHIP WITH BUSINESS</t>
  </si>
  <si>
    <t>JOB INTERVIEW</t>
  </si>
  <si>
    <t>STEPHANIE LASLOW</t>
  </si>
  <si>
    <t>KRISTEN GRENNAN</t>
  </si>
  <si>
    <t>FORT MORGAN</t>
  </si>
  <si>
    <t>MEGAN O'ROURKE</t>
  </si>
  <si>
    <t>LEIGH KROGER</t>
  </si>
  <si>
    <t>BRITTANY COLES</t>
  </si>
  <si>
    <t>KELLY BYCZKOWSKI</t>
  </si>
  <si>
    <t>KATHERINE EIDEN</t>
  </si>
  <si>
    <t>SAMANTHA ROHDE</t>
  </si>
  <si>
    <t>CHERAW</t>
  </si>
  <si>
    <t>STACI FARLEY</t>
  </si>
  <si>
    <t>DAKOTA RIDGE</t>
  </si>
  <si>
    <t>JUSTINE HOLZMAN</t>
  </si>
  <si>
    <t>PARLIAMENTARY PROCEDURE</t>
  </si>
  <si>
    <t>AMBER WIDGERY</t>
  </si>
  <si>
    <t>JOHN HEERMAN</t>
  </si>
  <si>
    <t>ASHLEY SALVADOR</t>
  </si>
  <si>
    <t>ANDREW WERNSMAN</t>
  </si>
  <si>
    <t>DAMIEN JACKSON</t>
  </si>
  <si>
    <t>KATIE COX</t>
  </si>
  <si>
    <t>CRYSTAL GLOVER</t>
  </si>
  <si>
    <t>JEFF KALKMAN</t>
  </si>
  <si>
    <t>KRISTA WALTERS</t>
  </si>
  <si>
    <t>SARA HEMMINGS</t>
  </si>
  <si>
    <t>ELIZABETH DOWGIN</t>
  </si>
  <si>
    <t>HANNAH LAFOREST</t>
  </si>
  <si>
    <t>LAURA MALDANADO</t>
  </si>
  <si>
    <t>SANKET MERCHANGT</t>
  </si>
  <si>
    <t>DESTINY SAFFER</t>
  </si>
  <si>
    <t>CAITLIN PHILPY</t>
  </si>
  <si>
    <t>JENNIFER LYNN</t>
  </si>
  <si>
    <t>TANNER SCOTT</t>
  </si>
  <si>
    <t>NICOLE WONG</t>
  </si>
  <si>
    <t>ADRIENNE STIMSON</t>
  </si>
  <si>
    <t>CT HONGDOXMAI</t>
  </si>
  <si>
    <t>LAKEWOOD TEAM 1</t>
  </si>
  <si>
    <t>EVAN RUNNERSTROM</t>
  </si>
  <si>
    <t>LUKE SANFORD</t>
  </si>
  <si>
    <t>RACHELLE HARRIS</t>
  </si>
  <si>
    <t>LAURA JOLLY</t>
  </si>
  <si>
    <t>KORRY LEWIS</t>
  </si>
  <si>
    <t>KIM</t>
  </si>
  <si>
    <t>KRISTINE LEWIS</t>
  </si>
  <si>
    <t>NICHOLAS PALMER</t>
  </si>
  <si>
    <t>TRISTAN WAGGONER</t>
  </si>
  <si>
    <t>ERIC STIASNY</t>
  </si>
  <si>
    <t>DOLORES COUNTY</t>
  </si>
  <si>
    <t>DREW BUFFINTON</t>
  </si>
  <si>
    <t>GRANT ALLEN</t>
  </si>
  <si>
    <t>TJ SPITZER</t>
  </si>
  <si>
    <t>KYLE SHAWCROFT</t>
  </si>
  <si>
    <t>JUSTIN GAROUTTE</t>
  </si>
  <si>
    <t>JENNIFER BUSH</t>
  </si>
  <si>
    <t>KIM FINNEGAN</t>
  </si>
  <si>
    <t>EADS - TEAM 2</t>
  </si>
  <si>
    <t>LAKEWOOD - TEAM 2</t>
  </si>
  <si>
    <t>VISUAL BASIC PROGRAMMING</t>
  </si>
  <si>
    <t>MAX HEINRITZ</t>
  </si>
  <si>
    <t>ANTHONY JAMES</t>
  </si>
  <si>
    <t>MESA RIDGE</t>
  </si>
  <si>
    <t>BRIAN CALVERT</t>
  </si>
  <si>
    <t>BRADLEY SCHIRO</t>
  </si>
  <si>
    <t>JAMES HARRIS</t>
  </si>
  <si>
    <t>CAMERON HAM</t>
  </si>
  <si>
    <t>TODD FRAZIER</t>
  </si>
  <si>
    <t>SARAH BURG</t>
  </si>
  <si>
    <t>RYAN KANODE</t>
  </si>
  <si>
    <t>STEVEN SAMSON</t>
  </si>
  <si>
    <t>JAVA PROGRAMMING</t>
  </si>
  <si>
    <t>CONAL SATHI</t>
  </si>
  <si>
    <t>MIKE BURR</t>
  </si>
  <si>
    <t>MIKE SKOWRONSKI</t>
  </si>
  <si>
    <t>KENNETH KO</t>
  </si>
  <si>
    <t>MIKE MERRILL</t>
  </si>
  <si>
    <t>JEFF DUNN</t>
  </si>
  <si>
    <t>HIGHLANDS RANCH</t>
  </si>
  <si>
    <t>DAVIS VANTILBURG</t>
  </si>
  <si>
    <t>CONNOR BARICKMAN</t>
  </si>
  <si>
    <t>JIMMY CANALI</t>
  </si>
  <si>
    <t>TYLER EHRLICH</t>
  </si>
  <si>
    <t>NORTHRIDGE</t>
  </si>
  <si>
    <t>ENTREPRENEURSHIP</t>
  </si>
  <si>
    <t>AARON HOFFMAN</t>
  </si>
  <si>
    <t>RILEY PACK</t>
  </si>
  <si>
    <t>JONATHAN KERBY</t>
  </si>
  <si>
    <t>VINCENT NEWELL</t>
  </si>
  <si>
    <t>SHANE HERVEY</t>
  </si>
  <si>
    <t>DIEGO DE CASTRO</t>
  </si>
  <si>
    <t>KYLE LOHMAN</t>
  </si>
  <si>
    <t>DAVID NIMOCK</t>
  </si>
  <si>
    <t>TAYLOR PORTMAN</t>
  </si>
  <si>
    <t>JESSICA CHERRY</t>
  </si>
  <si>
    <t>SPRINGFIELD</t>
  </si>
  <si>
    <t>MICHAEL MACKLIN</t>
  </si>
  <si>
    <t>DAVID MCVEY</t>
  </si>
  <si>
    <t>STEVEN SILVA</t>
  </si>
  <si>
    <t>DEREK SAKAMOTO</t>
  </si>
  <si>
    <t>MIKE EBY</t>
  </si>
  <si>
    <t>DONALD REINHARD</t>
  </si>
  <si>
    <t>MARY ENGLEHARDT</t>
  </si>
  <si>
    <t>MICHAEL SMITH</t>
  </si>
  <si>
    <t>JOHNNY RICHARDS</t>
  </si>
  <si>
    <t>SCOTT CLAWSON</t>
  </si>
  <si>
    <t>MARK BULOW</t>
  </si>
  <si>
    <t>JOSH HIGGINS</t>
  </si>
  <si>
    <t>BRIAN NESTOR</t>
  </si>
  <si>
    <t>LISA MARKLE</t>
  </si>
  <si>
    <t>ANJA FISCHLEIN</t>
  </si>
  <si>
    <t>MITCHELL</t>
  </si>
  <si>
    <t>JAMES NIXON</t>
  </si>
  <si>
    <t>ELIZABETH HENSON</t>
  </si>
  <si>
    <t>NETWORK DESIGN</t>
  </si>
  <si>
    <t>WADE MCCLUNG</t>
  </si>
  <si>
    <t>JEFF LOPEZ</t>
  </si>
  <si>
    <t>PATRICK LEE</t>
  </si>
  <si>
    <t>JAMES HOWLAND</t>
  </si>
  <si>
    <t>FELEG TSEGAYE</t>
  </si>
  <si>
    <t>JEREMY WEST</t>
  </si>
  <si>
    <t>TANNER BOLLERS</t>
  </si>
  <si>
    <t>ELI MORELAND</t>
  </si>
  <si>
    <t>BOULDER TEC</t>
  </si>
  <si>
    <t>SCOTT MCGIMPSEY</t>
  </si>
  <si>
    <t>ZACHERY HITTLE</t>
  </si>
  <si>
    <t>ALAN BUTLER</t>
  </si>
  <si>
    <t>DEL NORTE</t>
  </si>
  <si>
    <t>ADAM RUE</t>
  </si>
  <si>
    <t>LANCE LOUCKS</t>
  </si>
  <si>
    <t>LAKEWOOD</t>
  </si>
  <si>
    <t>ZIPEI FANG</t>
  </si>
  <si>
    <t>MICHAEL SANDHOFF</t>
  </si>
  <si>
    <t>GABE PHILIPS</t>
  </si>
  <si>
    <t>JAMES ANDRE</t>
  </si>
  <si>
    <t>SILAS BUSS</t>
  </si>
  <si>
    <t>NATE VALDEZ</t>
  </si>
  <si>
    <t>KALE FLORY</t>
  </si>
  <si>
    <t>BRENDA JOHNSON</t>
  </si>
  <si>
    <t>PRAIRIE</t>
  </si>
  <si>
    <t>AUDREY CASH</t>
  </si>
  <si>
    <t>RYAN TEMPLETON</t>
  </si>
  <si>
    <t>AMERICAN ENTERPRISE</t>
  </si>
  <si>
    <t>GREELEY CENTRAL</t>
  </si>
  <si>
    <t>C++ PROGRAMMING</t>
  </si>
  <si>
    <t>TRAVIS GREENE</t>
  </si>
  <si>
    <t>MARK BARKMEIER</t>
  </si>
  <si>
    <t>MOUNTAIN VISTA</t>
  </si>
  <si>
    <t>JOHN MARTIN</t>
  </si>
  <si>
    <t>CHRIS MULLINS</t>
  </si>
  <si>
    <t>PAUL AYALA</t>
  </si>
  <si>
    <t>KYLE O'NEILL</t>
  </si>
  <si>
    <t>WILL GRENHART</t>
  </si>
  <si>
    <t>KELSEY DAY</t>
  </si>
  <si>
    <t>AMBER RODARTE</t>
  </si>
  <si>
    <t>RUDY SOSA</t>
  </si>
  <si>
    <t>COMPUTER APPLICATIONS</t>
  </si>
  <si>
    <t>DANIEL HANAVAN</t>
  </si>
  <si>
    <t>CHEYENNE WELLS</t>
  </si>
  <si>
    <t>LEANN MCCASLIN</t>
  </si>
  <si>
    <t>CANON CITY</t>
  </si>
  <si>
    <t>LEONARD TRUJILLO</t>
  </si>
  <si>
    <t>GEOFFREY MORGAN</t>
  </si>
  <si>
    <t>KIOWA</t>
  </si>
  <si>
    <t>JERRY TANG</t>
  </si>
  <si>
    <t>KRISTIN BRYAN</t>
  </si>
  <si>
    <t>LAJUNTA</t>
  </si>
  <si>
    <t>CHAD KEMBEL</t>
  </si>
  <si>
    <t>BRUSH</t>
  </si>
  <si>
    <t>ANGELICA SIMON</t>
  </si>
  <si>
    <t>DOUG CONRY</t>
  </si>
  <si>
    <t>PUEBLO SOUTH</t>
  </si>
  <si>
    <t>CAMERON MANSANAREZ</t>
  </si>
  <si>
    <t>IMPROMPTU SPEAKING</t>
  </si>
  <si>
    <t>KELLY MAXWELL</t>
  </si>
  <si>
    <t>MATT HASLER</t>
  </si>
  <si>
    <t>ANDREA BERGER</t>
  </si>
  <si>
    <t>PUEBLO EAST</t>
  </si>
  <si>
    <t>LINDSAY DAVIS</t>
  </si>
  <si>
    <t>KRISTIN OLSEN</t>
  </si>
  <si>
    <t>LAKE COUNTY</t>
  </si>
  <si>
    <t>MARSHA FRENKEL</t>
  </si>
  <si>
    <t>SETH CARMITCHELL</t>
  </si>
  <si>
    <t>JOHN HOOPES</t>
  </si>
  <si>
    <t>GRANT WHITNEY</t>
  </si>
  <si>
    <t>SCOTT PRICE</t>
  </si>
  <si>
    <t>MICHAEL TOPE</t>
  </si>
  <si>
    <t>ANGELA COBAIN</t>
  </si>
  <si>
    <t>NICOLE PRADO</t>
  </si>
  <si>
    <t>LINDSAY KIPP</t>
  </si>
  <si>
    <t>LISA TRUONG</t>
  </si>
  <si>
    <t>GRAND JUNCTION</t>
  </si>
  <si>
    <t>ALISON PANZA</t>
  </si>
  <si>
    <t>AMBER ROSE</t>
  </si>
  <si>
    <t>MOLLIE SIMMS</t>
  </si>
  <si>
    <t>JESSICA LUNCH</t>
  </si>
  <si>
    <t>MATT BJERKE</t>
  </si>
  <si>
    <t>PUBLIC SPEAKING I</t>
  </si>
  <si>
    <t>PUBLIC SPEAKING II</t>
  </si>
  <si>
    <t>CHRISTINE BREWIS</t>
  </si>
  <si>
    <t>BYERS</t>
  </si>
  <si>
    <t>AUDREY BRADSHAW</t>
  </si>
  <si>
    <t>KELLY SIEFGRIED</t>
  </si>
  <si>
    <t>BRENNA GOMEZ</t>
  </si>
  <si>
    <t>JOHN MALL</t>
  </si>
  <si>
    <t>ROLENA RICHARDSON</t>
  </si>
  <si>
    <t>VERONICA ZEILER</t>
  </si>
  <si>
    <t>NATHAN PHELPS</t>
  </si>
  <si>
    <t>NIKOLE JAMES</t>
  </si>
  <si>
    <t>KELSEY PATTERSON</t>
  </si>
  <si>
    <t>KELLI FORD</t>
  </si>
  <si>
    <t>WORD PROCESSING I</t>
  </si>
  <si>
    <t>DANICA BAKER</t>
  </si>
  <si>
    <t>ARICKAREE</t>
  </si>
  <si>
    <t>ELISA KOHLI</t>
  </si>
  <si>
    <t>ELLEN FRITZLER</t>
  </si>
  <si>
    <t>ZACHARY BAY</t>
  </si>
  <si>
    <t>NICOLE SAENZ</t>
  </si>
  <si>
    <t>JESSICA TEMPLETON</t>
  </si>
  <si>
    <t>MICHELLE CHO</t>
  </si>
  <si>
    <t>JESSICA HARVEY</t>
  </si>
  <si>
    <t>SEAN FOX</t>
  </si>
  <si>
    <t>FOWLER</t>
  </si>
  <si>
    <t>CHAD NOVAK</t>
  </si>
  <si>
    <t>WORD PROCESSING II</t>
  </si>
  <si>
    <t>ASHLEY COMISKY</t>
  </si>
  <si>
    <t>TYLER COCHRAN</t>
  </si>
  <si>
    <t>LINDSAY RENKEL</t>
  </si>
  <si>
    <t>ASHLEY ANDERSON</t>
  </si>
  <si>
    <t>YANTI SIANIPAR</t>
  </si>
  <si>
    <t>JESSICA FARMER</t>
  </si>
  <si>
    <t>DEREK PILKINGTON</t>
  </si>
  <si>
    <t>LINH BUI</t>
  </si>
  <si>
    <t xml:space="preserve">HIDDEN LAKE </t>
  </si>
  <si>
    <t>KARISSA REKER</t>
  </si>
  <si>
    <t>THUNDER RIDGE</t>
  </si>
  <si>
    <t>AMANDA CUSWORTH</t>
  </si>
  <si>
    <t>MR. FUTURE BUSINESS LEADER</t>
  </si>
  <si>
    <t>DUSTIN SEILBACH</t>
  </si>
  <si>
    <t>JESSON SALYARDS</t>
  </si>
  <si>
    <t>EVAN ESTRIDGE</t>
  </si>
  <si>
    <t>DENVER EAST</t>
  </si>
  <si>
    <t>DEREK PATTON</t>
  </si>
  <si>
    <t>BASALT</t>
  </si>
  <si>
    <t>ROBERT WOOD</t>
  </si>
  <si>
    <t>LEVI BALLEJOS</t>
  </si>
  <si>
    <t>BENJAMIN BRUNE</t>
  </si>
  <si>
    <t xml:space="preserve">ENGLEWOOD </t>
  </si>
  <si>
    <t>DIEGO RODRIGUEZ</t>
  </si>
  <si>
    <t>MATTHEW GAUDYN</t>
  </si>
  <si>
    <t>MS. FUTURE BUSINESS LEADER</t>
  </si>
  <si>
    <t xml:space="preserve">STUDENT </t>
  </si>
  <si>
    <t>SAMANTHA MAYTAG</t>
  </si>
  <si>
    <t>STEPHANIE STIEB</t>
  </si>
  <si>
    <t>ANDREA LEBLANC</t>
  </si>
  <si>
    <t>GENEVA COCKRELL</t>
  </si>
  <si>
    <t>ALEXANDRA SHIMONOVA</t>
  </si>
  <si>
    <t>JENNIFER COLLINS</t>
  </si>
  <si>
    <t>LAURA ELLIOT</t>
  </si>
  <si>
    <t>KAYLIE VANTREESE</t>
  </si>
  <si>
    <t>HEATHER BROWN</t>
  </si>
  <si>
    <t>EMMA DUBACH-DONAHUE</t>
  </si>
  <si>
    <t>BUSINESS PLAN</t>
  </si>
  <si>
    <t>MALLORY GREEN</t>
  </si>
  <si>
    <t>JORDAN HAGEMEYER</t>
  </si>
  <si>
    <t>JOE BOERNER</t>
  </si>
  <si>
    <t>LINDSEY MERTENS</t>
  </si>
  <si>
    <t>PRESTON TWEEDY</t>
  </si>
  <si>
    <t>JASON TRAMEL</t>
  </si>
  <si>
    <t>JORDAN FANG</t>
  </si>
  <si>
    <t>AARON OLSON</t>
  </si>
  <si>
    <t>CHRISTINE DEGEORGE</t>
  </si>
  <si>
    <t>JOE GALBAN</t>
  </si>
  <si>
    <t>KAREN AVILA</t>
  </si>
  <si>
    <t>TRISTEN DEWITT</t>
  </si>
  <si>
    <t>KRIS TRABUE</t>
  </si>
  <si>
    <t>KENSLEY DUKES</t>
  </si>
  <si>
    <t>MALLORY MORRIS</t>
  </si>
  <si>
    <t>JESSICA LYONS</t>
  </si>
  <si>
    <t>COREY MAAS</t>
  </si>
  <si>
    <t>WHO'S WHO IN FBLA</t>
  </si>
  <si>
    <t>MULTIMEDIA PRESENTATION</t>
  </si>
  <si>
    <t>SARAH JUBA</t>
  </si>
  <si>
    <t>BEN PACHECO</t>
  </si>
  <si>
    <t>JESSICA BUTLER</t>
  </si>
  <si>
    <t>DENVER SOUTH</t>
  </si>
  <si>
    <t>JOHN MILLER</t>
  </si>
  <si>
    <t xml:space="preserve">BEN HOFFNER </t>
  </si>
  <si>
    <t>MARK MAILANDER</t>
  </si>
  <si>
    <t>VANESSA TIMM</t>
  </si>
  <si>
    <t>CHRIS LUEBKE</t>
  </si>
  <si>
    <t>LUKE KAM</t>
  </si>
  <si>
    <t>ERIC WHITING</t>
  </si>
  <si>
    <t>DANIELLE MALMBERG</t>
  </si>
  <si>
    <t>CHRIS DOUGLASS</t>
  </si>
  <si>
    <t>NATHAN FOWLER</t>
  </si>
  <si>
    <t>HANNAH EVANS</t>
  </si>
  <si>
    <t>CREEDE</t>
  </si>
  <si>
    <t>HAILEY WATERS</t>
  </si>
  <si>
    <t xml:space="preserve">BROOKE TILEY </t>
  </si>
  <si>
    <t>JENNIFER BLACK</t>
  </si>
  <si>
    <t>SOROCO</t>
  </si>
  <si>
    <t>AILA BEREZNAK</t>
  </si>
  <si>
    <t>TONI LOMBARDI</t>
  </si>
  <si>
    <t>ALLISON BISIG</t>
  </si>
  <si>
    <t>HILARY MEKELBURG</t>
  </si>
  <si>
    <t>JENNAH KITCHELL</t>
  </si>
  <si>
    <t>WEB SITE DEVELOPMENT</t>
  </si>
  <si>
    <t>TANYA MORGAN</t>
  </si>
  <si>
    <t>KURTIS SAENZ</t>
  </si>
  <si>
    <t>MATT PRICE</t>
  </si>
  <si>
    <t>MICHAEL SCHMIDT</t>
  </si>
  <si>
    <t>KYLE TORRES</t>
  </si>
  <si>
    <t>ALYSON BROWN</t>
  </si>
  <si>
    <t>CHRIS BROWN</t>
  </si>
  <si>
    <t>ISSAC KREIDER</t>
  </si>
  <si>
    <t>DEVON HEIN</t>
  </si>
  <si>
    <t>AARON CONKEY</t>
  </si>
  <si>
    <t>DANNY COSTINET</t>
  </si>
  <si>
    <t>NICK ROUP</t>
  </si>
  <si>
    <t>JOSH SPENCE</t>
  </si>
  <si>
    <t>ZACH MAXEY</t>
  </si>
  <si>
    <t>JAN BANKS</t>
  </si>
  <si>
    <t>RYAN VAIL</t>
  </si>
  <si>
    <t>ROBERT WRISLEY</t>
  </si>
  <si>
    <t>DREW GANYER</t>
  </si>
  <si>
    <t>RENNY HAMER</t>
  </si>
  <si>
    <t>PAUL YOSHI YONEKAWA</t>
  </si>
  <si>
    <t>EMILY TREED</t>
  </si>
  <si>
    <t>LAS ANIMAS</t>
  </si>
  <si>
    <t>ANDREA MITCHELL</t>
  </si>
  <si>
    <t>JUSTIN ROMERO</t>
  </si>
  <si>
    <t>ALAMEDA</t>
  </si>
  <si>
    <t>TOM MANCHEGO</t>
  </si>
  <si>
    <t>FERNANDO ALBA-TORRES</t>
  </si>
  <si>
    <t>DESKTOP PUBLISHING</t>
  </si>
  <si>
    <t>KATIE STJERNHOLM</t>
  </si>
  <si>
    <t>MATTHEW STJERNHOLM</t>
  </si>
  <si>
    <t>DEVON RILEY</t>
  </si>
  <si>
    <t>KATIE MATTEO</t>
  </si>
  <si>
    <t>DARYLE CONGUERING BEAR</t>
  </si>
  <si>
    <t>RONDA SCHREINER</t>
  </si>
  <si>
    <t>KATHERINE ADAMS</t>
  </si>
  <si>
    <t>MICHAELA KAISER</t>
  </si>
  <si>
    <t>LEAH JOHANNES</t>
  </si>
  <si>
    <t>EMILY ALBRECHT</t>
  </si>
  <si>
    <t>ELISA IMHOF</t>
  </si>
  <si>
    <t>TALEN NAYLOR</t>
  </si>
  <si>
    <t>JESSICA GERK</t>
  </si>
  <si>
    <t>MEGAN DEBUS</t>
  </si>
  <si>
    <t>CALICHE - TEAM 2</t>
  </si>
  <si>
    <t>DAN STEEFEL</t>
  </si>
  <si>
    <t>SAM ROSENBERG</t>
  </si>
  <si>
    <t>SHANAE HAMMONTREE</t>
  </si>
  <si>
    <t>BRANDIE QUICK</t>
  </si>
  <si>
    <t>AMANDA MASSEY</t>
  </si>
  <si>
    <t>JOHN F. KENNEDY</t>
  </si>
  <si>
    <t>SAMANTHA JOHN</t>
  </si>
  <si>
    <t>ENOCH ARTHUR-ASMA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0"/>
      <name val="Arial"/>
    </font>
    <font>
      <sz val="8"/>
      <name val="Arial"/>
    </font>
    <font>
      <b/>
      <sz val="12"/>
      <name val="Arial"/>
      <family val="2"/>
    </font>
    <font>
      <sz val="12"/>
      <name val="Arial"/>
      <family val="2"/>
    </font>
    <font>
      <sz val="12"/>
      <name val="Arial"/>
    </font>
    <font>
      <b/>
      <sz val="14"/>
      <name val="Arial"/>
      <family val="2"/>
    </font>
    <font>
      <sz val="14"/>
      <name val="Arial"/>
      <family val="2"/>
    </font>
    <font>
      <sz val="14"/>
      <name val="Arial"/>
    </font>
    <font>
      <b/>
      <sz val="10"/>
      <name val="Arial"/>
      <family val="2"/>
    </font>
    <font>
      <b/>
      <sz val="16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2">
    <xf numFmtId="0" fontId="0" fillId="0" borderId="0" xfId="0"/>
    <xf numFmtId="0" fontId="2" fillId="0" borderId="0" xfId="0" applyFont="1"/>
    <xf numFmtId="0" fontId="3" fillId="0" borderId="0" xfId="0" applyFont="1"/>
    <xf numFmtId="0" fontId="3" fillId="0" borderId="0" xfId="0" applyFont="1" applyAlignment="1">
      <alignment horizontal="center"/>
    </xf>
    <xf numFmtId="0" fontId="4" fillId="0" borderId="0" xfId="0" applyFont="1"/>
    <xf numFmtId="0" fontId="0" fillId="0" borderId="0" xfId="0" applyAlignment="1">
      <alignment horizontal="center"/>
    </xf>
    <xf numFmtId="0" fontId="4" fillId="0" borderId="0" xfId="0" applyFont="1" applyAlignment="1">
      <alignment horizontal="center"/>
    </xf>
    <xf numFmtId="0" fontId="5" fillId="0" borderId="0" xfId="0" applyFont="1"/>
    <xf numFmtId="0" fontId="6" fillId="0" borderId="0" xfId="0" applyFont="1"/>
    <xf numFmtId="0" fontId="7" fillId="0" borderId="0" xfId="0" applyFont="1"/>
    <xf numFmtId="0" fontId="9" fillId="0" borderId="0" xfId="0" applyFont="1"/>
    <xf numFmtId="0" fontId="8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855"/>
  <sheetViews>
    <sheetView tabSelected="1" workbookViewId="0">
      <selection activeCell="E127" sqref="E127"/>
    </sheetView>
  </sheetViews>
  <sheetFormatPr defaultRowHeight="12.75" x14ac:dyDescent="0.2"/>
  <cols>
    <col min="1" max="1" width="10" customWidth="1"/>
    <col min="2" max="2" width="37.42578125" customWidth="1"/>
    <col min="3" max="3" width="25.85546875" customWidth="1"/>
  </cols>
  <sheetData>
    <row r="1" spans="1:5" ht="15.75" x14ac:dyDescent="0.25">
      <c r="A1" s="1" t="s">
        <v>0</v>
      </c>
      <c r="B1" s="2"/>
      <c r="C1" s="2"/>
      <c r="D1" s="2"/>
    </row>
    <row r="2" spans="1:5" ht="15" x14ac:dyDescent="0.2">
      <c r="A2" s="2"/>
      <c r="B2" s="2"/>
      <c r="C2" s="2"/>
      <c r="D2" s="2"/>
      <c r="E2" s="2"/>
    </row>
    <row r="3" spans="1:5" ht="15" x14ac:dyDescent="0.2">
      <c r="A3" s="2" t="s">
        <v>12</v>
      </c>
      <c r="B3" s="2" t="s">
        <v>1</v>
      </c>
      <c r="C3" s="2"/>
      <c r="D3" s="2"/>
      <c r="E3" s="2"/>
    </row>
    <row r="4" spans="1:5" ht="15" x14ac:dyDescent="0.2">
      <c r="A4" s="2"/>
      <c r="B4" s="2"/>
      <c r="C4" s="2"/>
      <c r="D4" s="2"/>
      <c r="E4" s="2"/>
    </row>
    <row r="5" spans="1:5" ht="15" x14ac:dyDescent="0.2">
      <c r="A5" s="3">
        <v>1</v>
      </c>
      <c r="B5" s="2" t="s">
        <v>10</v>
      </c>
      <c r="C5" s="2"/>
      <c r="D5" s="2"/>
      <c r="E5" s="2"/>
    </row>
    <row r="6" spans="1:5" ht="15" x14ac:dyDescent="0.2">
      <c r="A6" s="3">
        <v>2</v>
      </c>
      <c r="B6" s="2" t="s">
        <v>5</v>
      </c>
      <c r="C6" s="2"/>
      <c r="D6" s="2"/>
      <c r="E6" s="2"/>
    </row>
    <row r="7" spans="1:5" ht="15" x14ac:dyDescent="0.2">
      <c r="A7" s="3">
        <v>3</v>
      </c>
      <c r="B7" s="2" t="s">
        <v>8</v>
      </c>
      <c r="C7" s="2"/>
      <c r="D7" s="2"/>
      <c r="E7" s="2"/>
    </row>
    <row r="8" spans="1:5" ht="15" x14ac:dyDescent="0.2">
      <c r="A8" s="3">
        <v>4</v>
      </c>
      <c r="B8" s="2" t="s">
        <v>9</v>
      </c>
      <c r="C8" s="2"/>
      <c r="D8" s="2"/>
      <c r="E8" s="2"/>
    </row>
    <row r="9" spans="1:5" ht="15" x14ac:dyDescent="0.2">
      <c r="A9" s="3">
        <v>5</v>
      </c>
      <c r="B9" s="2" t="s">
        <v>4</v>
      </c>
      <c r="C9" s="2"/>
      <c r="D9" s="2"/>
      <c r="E9" s="2"/>
    </row>
    <row r="10" spans="1:5" ht="15" x14ac:dyDescent="0.2">
      <c r="A10" s="3">
        <v>6</v>
      </c>
      <c r="B10" s="2" t="s">
        <v>11</v>
      </c>
      <c r="C10" s="2"/>
      <c r="D10" s="2"/>
      <c r="E10" s="2"/>
    </row>
    <row r="11" spans="1:5" ht="15" x14ac:dyDescent="0.2">
      <c r="A11" s="3">
        <v>7</v>
      </c>
      <c r="B11" s="2" t="s">
        <v>3</v>
      </c>
      <c r="C11" s="2"/>
      <c r="D11" s="2"/>
      <c r="E11" s="2"/>
    </row>
    <row r="12" spans="1:5" ht="15" x14ac:dyDescent="0.2">
      <c r="A12" s="3">
        <v>8</v>
      </c>
      <c r="B12" s="2" t="s">
        <v>7</v>
      </c>
      <c r="C12" s="2"/>
      <c r="D12" s="2"/>
      <c r="E12" s="2"/>
    </row>
    <row r="13" spans="1:5" ht="15" x14ac:dyDescent="0.2">
      <c r="A13" s="3">
        <v>9</v>
      </c>
      <c r="B13" s="2" t="s">
        <v>2</v>
      </c>
      <c r="C13" s="2"/>
      <c r="D13" s="2"/>
      <c r="E13" s="2"/>
    </row>
    <row r="14" spans="1:5" ht="15" x14ac:dyDescent="0.2">
      <c r="A14" s="3">
        <v>10</v>
      </c>
      <c r="B14" s="2" t="s">
        <v>6</v>
      </c>
      <c r="C14" s="2"/>
      <c r="D14" s="2"/>
      <c r="E14" s="2"/>
    </row>
    <row r="16" spans="1:5" ht="15.75" x14ac:dyDescent="0.25">
      <c r="A16" s="1" t="s">
        <v>14</v>
      </c>
      <c r="B16" s="1"/>
    </row>
    <row r="17" spans="1:3" ht="15.75" x14ac:dyDescent="0.25">
      <c r="A17" s="1"/>
      <c r="B17" s="1"/>
    </row>
    <row r="18" spans="1:3" ht="15" x14ac:dyDescent="0.2">
      <c r="A18" s="4" t="s">
        <v>12</v>
      </c>
      <c r="B18" s="4" t="s">
        <v>13</v>
      </c>
      <c r="C18" s="4" t="s">
        <v>1</v>
      </c>
    </row>
    <row r="20" spans="1:3" x14ac:dyDescent="0.2">
      <c r="A20" s="5">
        <v>1</v>
      </c>
      <c r="B20" t="s">
        <v>16</v>
      </c>
      <c r="C20" t="s">
        <v>15</v>
      </c>
    </row>
    <row r="21" spans="1:3" x14ac:dyDescent="0.2">
      <c r="A21" s="5"/>
      <c r="B21" t="s">
        <v>17</v>
      </c>
    </row>
    <row r="22" spans="1:3" x14ac:dyDescent="0.2">
      <c r="A22" s="5"/>
      <c r="B22" t="s">
        <v>18</v>
      </c>
    </row>
    <row r="23" spans="1:3" x14ac:dyDescent="0.2">
      <c r="A23" s="5"/>
    </row>
    <row r="24" spans="1:3" x14ac:dyDescent="0.2">
      <c r="A24" s="5">
        <v>2</v>
      </c>
      <c r="B24" t="s">
        <v>20</v>
      </c>
      <c r="C24" t="s">
        <v>19</v>
      </c>
    </row>
    <row r="25" spans="1:3" x14ac:dyDescent="0.2">
      <c r="A25" s="5"/>
      <c r="B25" t="s">
        <v>21</v>
      </c>
    </row>
    <row r="26" spans="1:3" x14ac:dyDescent="0.2">
      <c r="A26" s="5"/>
    </row>
    <row r="27" spans="1:3" x14ac:dyDescent="0.2">
      <c r="A27" s="5">
        <v>3</v>
      </c>
      <c r="B27" t="s">
        <v>22</v>
      </c>
      <c r="C27" t="s">
        <v>15</v>
      </c>
    </row>
    <row r="28" spans="1:3" x14ac:dyDescent="0.2">
      <c r="A28" s="5"/>
      <c r="B28" t="s">
        <v>23</v>
      </c>
    </row>
    <row r="29" spans="1:3" x14ac:dyDescent="0.2">
      <c r="A29" s="5"/>
      <c r="B29" t="s">
        <v>24</v>
      </c>
    </row>
    <row r="30" spans="1:3" x14ac:dyDescent="0.2">
      <c r="A30" s="5"/>
    </row>
    <row r="31" spans="1:3" x14ac:dyDescent="0.2">
      <c r="A31" s="5">
        <v>4</v>
      </c>
      <c r="B31" t="s">
        <v>26</v>
      </c>
      <c r="C31" t="s">
        <v>25</v>
      </c>
    </row>
    <row r="32" spans="1:3" x14ac:dyDescent="0.2">
      <c r="A32" s="5"/>
      <c r="B32" t="s">
        <v>27</v>
      </c>
    </row>
    <row r="33" spans="1:3" x14ac:dyDescent="0.2">
      <c r="A33" s="5"/>
    </row>
    <row r="34" spans="1:3" x14ac:dyDescent="0.2">
      <c r="A34" s="5">
        <v>5</v>
      </c>
      <c r="B34" t="s">
        <v>29</v>
      </c>
      <c r="C34" t="s">
        <v>28</v>
      </c>
    </row>
    <row r="35" spans="1:3" x14ac:dyDescent="0.2">
      <c r="A35" s="5"/>
      <c r="B35" t="s">
        <v>30</v>
      </c>
    </row>
    <row r="36" spans="1:3" x14ac:dyDescent="0.2">
      <c r="A36" s="5"/>
    </row>
    <row r="37" spans="1:3" x14ac:dyDescent="0.2">
      <c r="A37" s="5">
        <v>6</v>
      </c>
      <c r="B37" t="s">
        <v>32</v>
      </c>
      <c r="C37" t="s">
        <v>31</v>
      </c>
    </row>
    <row r="38" spans="1:3" x14ac:dyDescent="0.2">
      <c r="A38" s="5"/>
      <c r="B38" t="s">
        <v>33</v>
      </c>
    </row>
    <row r="39" spans="1:3" x14ac:dyDescent="0.2">
      <c r="A39" s="5"/>
    </row>
    <row r="40" spans="1:3" x14ac:dyDescent="0.2">
      <c r="A40" s="5">
        <v>7</v>
      </c>
      <c r="B40" t="s">
        <v>34</v>
      </c>
      <c r="C40" t="s">
        <v>31</v>
      </c>
    </row>
    <row r="41" spans="1:3" x14ac:dyDescent="0.2">
      <c r="A41" s="5"/>
      <c r="B41" t="s">
        <v>35</v>
      </c>
    </row>
    <row r="42" spans="1:3" x14ac:dyDescent="0.2">
      <c r="A42" s="5"/>
      <c r="B42" t="s">
        <v>36</v>
      </c>
    </row>
    <row r="43" spans="1:3" x14ac:dyDescent="0.2">
      <c r="A43" s="5"/>
    </row>
    <row r="44" spans="1:3" x14ac:dyDescent="0.2">
      <c r="A44" s="5">
        <v>8</v>
      </c>
      <c r="B44" t="s">
        <v>38</v>
      </c>
      <c r="C44" t="s">
        <v>37</v>
      </c>
    </row>
    <row r="45" spans="1:3" x14ac:dyDescent="0.2">
      <c r="A45" s="5"/>
      <c r="B45" t="s">
        <v>39</v>
      </c>
    </row>
    <row r="46" spans="1:3" x14ac:dyDescent="0.2">
      <c r="A46" s="5"/>
      <c r="B46" t="s">
        <v>40</v>
      </c>
    </row>
    <row r="47" spans="1:3" x14ac:dyDescent="0.2">
      <c r="A47" s="5"/>
    </row>
    <row r="48" spans="1:3" x14ac:dyDescent="0.2">
      <c r="A48" s="5">
        <v>9</v>
      </c>
      <c r="B48" t="s">
        <v>42</v>
      </c>
      <c r="C48" t="s">
        <v>41</v>
      </c>
    </row>
    <row r="49" spans="1:3" x14ac:dyDescent="0.2">
      <c r="A49" s="5"/>
      <c r="B49" t="s">
        <v>43</v>
      </c>
    </row>
    <row r="50" spans="1:3" x14ac:dyDescent="0.2">
      <c r="A50" s="5"/>
    </row>
    <row r="51" spans="1:3" x14ac:dyDescent="0.2">
      <c r="A51" s="5">
        <v>10</v>
      </c>
      <c r="B51" t="s">
        <v>45</v>
      </c>
      <c r="C51" t="s">
        <v>44</v>
      </c>
    </row>
    <row r="52" spans="1:3" x14ac:dyDescent="0.2">
      <c r="A52" s="5"/>
      <c r="B52" t="s">
        <v>46</v>
      </c>
    </row>
    <row r="53" spans="1:3" x14ac:dyDescent="0.2">
      <c r="A53" s="5"/>
      <c r="B53" t="s">
        <v>47</v>
      </c>
    </row>
    <row r="56" spans="1:3" ht="15.75" x14ac:dyDescent="0.25">
      <c r="A56" s="1" t="s">
        <v>48</v>
      </c>
      <c r="B56" s="1"/>
    </row>
    <row r="58" spans="1:3" ht="15" x14ac:dyDescent="0.2">
      <c r="A58" s="4" t="s">
        <v>12</v>
      </c>
      <c r="B58" s="4" t="s">
        <v>13</v>
      </c>
      <c r="C58" s="4" t="s">
        <v>1</v>
      </c>
    </row>
    <row r="59" spans="1:3" ht="15" x14ac:dyDescent="0.2">
      <c r="A59" s="4"/>
      <c r="B59" s="4"/>
      <c r="C59" s="4"/>
    </row>
    <row r="60" spans="1:3" ht="15" x14ac:dyDescent="0.2">
      <c r="A60" s="6">
        <v>1</v>
      </c>
      <c r="B60" s="4" t="s">
        <v>49</v>
      </c>
      <c r="C60" s="4" t="s">
        <v>50</v>
      </c>
    </row>
    <row r="61" spans="1:3" ht="15" x14ac:dyDescent="0.2">
      <c r="A61" s="6">
        <v>2</v>
      </c>
      <c r="B61" s="4" t="s">
        <v>51</v>
      </c>
      <c r="C61" s="4" t="s">
        <v>52</v>
      </c>
    </row>
    <row r="62" spans="1:3" ht="15" x14ac:dyDescent="0.2">
      <c r="A62" s="6">
        <v>3</v>
      </c>
      <c r="B62" s="4" t="s">
        <v>53</v>
      </c>
      <c r="C62" s="4" t="s">
        <v>41</v>
      </c>
    </row>
    <row r="63" spans="1:3" ht="15" x14ac:dyDescent="0.2">
      <c r="A63" s="6">
        <v>4</v>
      </c>
      <c r="B63" s="4" t="s">
        <v>54</v>
      </c>
      <c r="C63" s="4" t="s">
        <v>55</v>
      </c>
    </row>
    <row r="64" spans="1:3" ht="15" x14ac:dyDescent="0.2">
      <c r="A64" s="6">
        <v>5</v>
      </c>
      <c r="B64" s="4" t="s">
        <v>56</v>
      </c>
      <c r="C64" s="4" t="s">
        <v>57</v>
      </c>
    </row>
    <row r="65" spans="1:3" ht="15" x14ac:dyDescent="0.2">
      <c r="A65" s="6">
        <v>6</v>
      </c>
      <c r="B65" s="4" t="s">
        <v>58</v>
      </c>
      <c r="C65" s="4" t="s">
        <v>59</v>
      </c>
    </row>
    <row r="66" spans="1:3" ht="15" x14ac:dyDescent="0.2">
      <c r="A66" s="6">
        <v>7</v>
      </c>
      <c r="B66" s="4" t="s">
        <v>61</v>
      </c>
      <c r="C66" s="4" t="s">
        <v>60</v>
      </c>
    </row>
    <row r="67" spans="1:3" ht="15" x14ac:dyDescent="0.2">
      <c r="A67" s="6">
        <v>8</v>
      </c>
      <c r="B67" s="4" t="s">
        <v>62</v>
      </c>
      <c r="C67" s="4" t="s">
        <v>63</v>
      </c>
    </row>
    <row r="68" spans="1:3" ht="15" x14ac:dyDescent="0.2">
      <c r="A68" s="6">
        <v>9</v>
      </c>
      <c r="B68" s="4" t="s">
        <v>64</v>
      </c>
      <c r="C68" s="4" t="s">
        <v>65</v>
      </c>
    </row>
    <row r="69" spans="1:3" ht="15" x14ac:dyDescent="0.2">
      <c r="A69" s="6">
        <v>10</v>
      </c>
      <c r="B69" s="4" t="s">
        <v>66</v>
      </c>
      <c r="C69" s="4" t="s">
        <v>67</v>
      </c>
    </row>
    <row r="72" spans="1:3" s="7" customFormat="1" ht="18" x14ac:dyDescent="0.25">
      <c r="A72" s="7" t="s">
        <v>68</v>
      </c>
    </row>
    <row r="74" spans="1:3" ht="15" x14ac:dyDescent="0.2">
      <c r="A74" s="6" t="s">
        <v>12</v>
      </c>
      <c r="B74" s="4" t="s">
        <v>13</v>
      </c>
      <c r="C74" s="4" t="s">
        <v>1</v>
      </c>
    </row>
    <row r="75" spans="1:3" ht="15" x14ac:dyDescent="0.2">
      <c r="A75" s="6"/>
      <c r="B75" s="4"/>
      <c r="C75" s="4"/>
    </row>
    <row r="76" spans="1:3" ht="15" x14ac:dyDescent="0.2">
      <c r="A76" s="6">
        <v>1</v>
      </c>
      <c r="B76" s="4" t="s">
        <v>69</v>
      </c>
      <c r="C76" s="4" t="s">
        <v>70</v>
      </c>
    </row>
    <row r="77" spans="1:3" ht="15" x14ac:dyDescent="0.2">
      <c r="A77" s="6">
        <v>2</v>
      </c>
      <c r="B77" s="4" t="s">
        <v>71</v>
      </c>
      <c r="C77" s="4" t="s">
        <v>19</v>
      </c>
    </row>
    <row r="78" spans="1:3" ht="15" x14ac:dyDescent="0.2">
      <c r="A78" s="6">
        <v>3</v>
      </c>
      <c r="B78" s="4" t="s">
        <v>72</v>
      </c>
      <c r="C78" s="4" t="s">
        <v>73</v>
      </c>
    </row>
    <row r="79" spans="1:3" ht="15" x14ac:dyDescent="0.2">
      <c r="A79" s="6">
        <v>4</v>
      </c>
      <c r="B79" s="4" t="s">
        <v>74</v>
      </c>
      <c r="C79" s="4" t="s">
        <v>75</v>
      </c>
    </row>
    <row r="80" spans="1:3" ht="15" x14ac:dyDescent="0.2">
      <c r="A80" s="6">
        <v>5</v>
      </c>
      <c r="B80" s="4" t="s">
        <v>76</v>
      </c>
      <c r="C80" s="4" t="s">
        <v>73</v>
      </c>
    </row>
    <row r="81" spans="1:3" ht="15" x14ac:dyDescent="0.2">
      <c r="A81" s="6">
        <v>6</v>
      </c>
      <c r="B81" s="4" t="s">
        <v>77</v>
      </c>
      <c r="C81" s="4" t="s">
        <v>78</v>
      </c>
    </row>
    <row r="82" spans="1:3" ht="15" x14ac:dyDescent="0.2">
      <c r="A82" s="6">
        <v>7</v>
      </c>
      <c r="B82" s="4" t="s">
        <v>79</v>
      </c>
      <c r="C82" s="4" t="s">
        <v>80</v>
      </c>
    </row>
    <row r="83" spans="1:3" ht="15" x14ac:dyDescent="0.2">
      <c r="A83" s="6">
        <v>8</v>
      </c>
      <c r="B83" s="4" t="s">
        <v>81</v>
      </c>
      <c r="C83" s="4" t="s">
        <v>57</v>
      </c>
    </row>
    <row r="84" spans="1:3" ht="15" x14ac:dyDescent="0.2">
      <c r="A84" s="6">
        <v>9</v>
      </c>
      <c r="B84" s="4" t="s">
        <v>82</v>
      </c>
      <c r="C84" s="4" t="s">
        <v>15</v>
      </c>
    </row>
    <row r="85" spans="1:3" ht="15" x14ac:dyDescent="0.2">
      <c r="A85" s="6">
        <v>10</v>
      </c>
      <c r="B85" s="4" t="s">
        <v>83</v>
      </c>
      <c r="C85" s="4" t="s">
        <v>84</v>
      </c>
    </row>
    <row r="88" spans="1:3" ht="18" x14ac:dyDescent="0.25">
      <c r="A88" s="7" t="s">
        <v>85</v>
      </c>
    </row>
    <row r="90" spans="1:3" ht="15" x14ac:dyDescent="0.2">
      <c r="A90" s="4" t="s">
        <v>12</v>
      </c>
      <c r="B90" s="4" t="s">
        <v>13</v>
      </c>
      <c r="C90" s="4" t="s">
        <v>1</v>
      </c>
    </row>
    <row r="91" spans="1:3" ht="15" x14ac:dyDescent="0.2">
      <c r="A91" s="4"/>
      <c r="B91" s="4"/>
      <c r="C91" s="4"/>
    </row>
    <row r="92" spans="1:3" ht="15" x14ac:dyDescent="0.2">
      <c r="A92" s="4">
        <v>1</v>
      </c>
      <c r="B92" s="4" t="s">
        <v>86</v>
      </c>
      <c r="C92" s="4" t="s">
        <v>87</v>
      </c>
    </row>
    <row r="93" spans="1:3" ht="15" x14ac:dyDescent="0.2">
      <c r="A93" s="4">
        <v>2</v>
      </c>
      <c r="B93" s="4" t="s">
        <v>88</v>
      </c>
      <c r="C93" s="4" t="s">
        <v>89</v>
      </c>
    </row>
    <row r="94" spans="1:3" ht="15" x14ac:dyDescent="0.2">
      <c r="A94" s="4">
        <v>3</v>
      </c>
      <c r="B94" s="4" t="s">
        <v>90</v>
      </c>
      <c r="C94" s="4" t="s">
        <v>91</v>
      </c>
    </row>
    <row r="95" spans="1:3" ht="15" x14ac:dyDescent="0.2">
      <c r="A95" s="4">
        <v>4</v>
      </c>
      <c r="B95" s="4" t="s">
        <v>94</v>
      </c>
      <c r="C95" s="4" t="s">
        <v>95</v>
      </c>
    </row>
    <row r="96" spans="1:3" ht="15" x14ac:dyDescent="0.2">
      <c r="A96" s="4">
        <v>5</v>
      </c>
      <c r="B96" s="4" t="s">
        <v>96</v>
      </c>
      <c r="C96" s="4" t="s">
        <v>97</v>
      </c>
    </row>
    <row r="97" spans="1:3" ht="15" x14ac:dyDescent="0.2">
      <c r="A97" s="4">
        <v>6</v>
      </c>
      <c r="B97" s="4" t="s">
        <v>98</v>
      </c>
      <c r="C97" s="4" t="s">
        <v>31</v>
      </c>
    </row>
    <row r="98" spans="1:3" ht="15" x14ac:dyDescent="0.2">
      <c r="A98" s="4">
        <v>7</v>
      </c>
      <c r="B98" s="4" t="s">
        <v>99</v>
      </c>
      <c r="C98" s="4" t="s">
        <v>100</v>
      </c>
    </row>
    <row r="99" spans="1:3" ht="15" x14ac:dyDescent="0.2">
      <c r="A99" s="4">
        <v>8</v>
      </c>
      <c r="B99" s="4" t="s">
        <v>92</v>
      </c>
      <c r="C99" s="4" t="s">
        <v>93</v>
      </c>
    </row>
    <row r="100" spans="1:3" ht="15" x14ac:dyDescent="0.2">
      <c r="A100" s="4">
        <v>9</v>
      </c>
      <c r="B100" s="4" t="s">
        <v>101</v>
      </c>
      <c r="C100" s="4" t="s">
        <v>102</v>
      </c>
    </row>
    <row r="101" spans="1:3" ht="15" x14ac:dyDescent="0.2">
      <c r="A101" s="4">
        <v>10</v>
      </c>
      <c r="B101" s="4" t="s">
        <v>103</v>
      </c>
      <c r="C101" s="4" t="s">
        <v>15</v>
      </c>
    </row>
    <row r="103" spans="1:3" ht="18" x14ac:dyDescent="0.25">
      <c r="A103" s="8" t="s">
        <v>104</v>
      </c>
    </row>
    <row r="105" spans="1:3" ht="15" x14ac:dyDescent="0.2">
      <c r="A105" s="4" t="s">
        <v>12</v>
      </c>
      <c r="B105" s="4" t="s">
        <v>13</v>
      </c>
      <c r="C105" s="4" t="s">
        <v>1</v>
      </c>
    </row>
    <row r="106" spans="1:3" ht="15" x14ac:dyDescent="0.2">
      <c r="A106" s="4"/>
      <c r="B106" s="4"/>
      <c r="C106" s="4"/>
    </row>
    <row r="107" spans="1:3" ht="15" x14ac:dyDescent="0.2">
      <c r="A107" s="6">
        <v>1</v>
      </c>
      <c r="B107" s="4" t="s">
        <v>105</v>
      </c>
      <c r="C107" s="4" t="s">
        <v>15</v>
      </c>
    </row>
    <row r="108" spans="1:3" ht="15" x14ac:dyDescent="0.2">
      <c r="A108" s="6">
        <v>2</v>
      </c>
      <c r="B108" s="4" t="s">
        <v>106</v>
      </c>
      <c r="C108" s="4" t="s">
        <v>41</v>
      </c>
    </row>
    <row r="109" spans="1:3" ht="15" x14ac:dyDescent="0.2">
      <c r="A109" s="6">
        <v>3</v>
      </c>
      <c r="B109" s="4" t="s">
        <v>107</v>
      </c>
      <c r="C109" s="4" t="s">
        <v>108</v>
      </c>
    </row>
    <row r="110" spans="1:3" ht="15" x14ac:dyDescent="0.2">
      <c r="A110" s="6">
        <v>4</v>
      </c>
      <c r="B110" s="4" t="s">
        <v>109</v>
      </c>
      <c r="C110" s="4" t="s">
        <v>110</v>
      </c>
    </row>
    <row r="111" spans="1:3" ht="15" x14ac:dyDescent="0.2">
      <c r="A111" s="6">
        <v>5</v>
      </c>
      <c r="B111" s="4" t="s">
        <v>111</v>
      </c>
      <c r="C111" s="4" t="s">
        <v>112</v>
      </c>
    </row>
    <row r="112" spans="1:3" ht="15" x14ac:dyDescent="0.2">
      <c r="A112" s="6">
        <v>6</v>
      </c>
      <c r="B112" s="4" t="s">
        <v>113</v>
      </c>
      <c r="C112" s="4" t="s">
        <v>114</v>
      </c>
    </row>
    <row r="113" spans="1:3" ht="15" x14ac:dyDescent="0.2">
      <c r="A113" s="6">
        <v>7</v>
      </c>
      <c r="B113" s="4" t="s">
        <v>115</v>
      </c>
      <c r="C113" s="4" t="s">
        <v>116</v>
      </c>
    </row>
    <row r="114" spans="1:3" ht="15" x14ac:dyDescent="0.2">
      <c r="A114" s="6">
        <v>8</v>
      </c>
      <c r="B114" s="4" t="s">
        <v>117</v>
      </c>
      <c r="C114" s="4" t="s">
        <v>118</v>
      </c>
    </row>
    <row r="115" spans="1:3" ht="15" x14ac:dyDescent="0.2">
      <c r="A115" s="6">
        <v>9</v>
      </c>
      <c r="B115" s="4" t="s">
        <v>119</v>
      </c>
      <c r="C115" s="4" t="s">
        <v>114</v>
      </c>
    </row>
    <row r="116" spans="1:3" ht="15" x14ac:dyDescent="0.2">
      <c r="A116" s="6">
        <v>10</v>
      </c>
      <c r="B116" s="4" t="s">
        <v>121</v>
      </c>
      <c r="C116" s="4" t="s">
        <v>120</v>
      </c>
    </row>
    <row r="119" spans="1:3" ht="18" x14ac:dyDescent="0.25">
      <c r="A119" s="7" t="s">
        <v>122</v>
      </c>
      <c r="B119" s="7"/>
    </row>
    <row r="121" spans="1:3" ht="15" x14ac:dyDescent="0.2">
      <c r="A121" s="4" t="s">
        <v>123</v>
      </c>
      <c r="B121" s="4" t="s">
        <v>13</v>
      </c>
      <c r="C121" s="4" t="s">
        <v>1</v>
      </c>
    </row>
    <row r="122" spans="1:3" ht="15" x14ac:dyDescent="0.2">
      <c r="A122" s="6"/>
      <c r="B122" s="4"/>
      <c r="C122" s="4"/>
    </row>
    <row r="123" spans="1:3" ht="15" x14ac:dyDescent="0.2">
      <c r="A123" s="6">
        <v>1</v>
      </c>
      <c r="B123" s="4" t="s">
        <v>124</v>
      </c>
      <c r="C123" s="4" t="s">
        <v>125</v>
      </c>
    </row>
    <row r="124" spans="1:3" ht="15" x14ac:dyDescent="0.2">
      <c r="A124" s="6">
        <v>2</v>
      </c>
      <c r="B124" s="4" t="s">
        <v>126</v>
      </c>
      <c r="C124" s="4" t="s">
        <v>127</v>
      </c>
    </row>
    <row r="125" spans="1:3" ht="15" x14ac:dyDescent="0.2">
      <c r="A125" s="6">
        <v>3</v>
      </c>
      <c r="B125" s="4" t="s">
        <v>128</v>
      </c>
      <c r="C125" s="4" t="s">
        <v>129</v>
      </c>
    </row>
    <row r="126" spans="1:3" ht="15" x14ac:dyDescent="0.2">
      <c r="A126" s="6">
        <v>4</v>
      </c>
      <c r="B126" s="4" t="s">
        <v>130</v>
      </c>
      <c r="C126" s="4" t="s">
        <v>31</v>
      </c>
    </row>
    <row r="127" spans="1:3" ht="15" x14ac:dyDescent="0.2">
      <c r="A127" s="6">
        <v>5</v>
      </c>
      <c r="B127" s="4" t="s">
        <v>131</v>
      </c>
      <c r="C127" s="4" t="s">
        <v>44</v>
      </c>
    </row>
    <row r="128" spans="1:3" ht="15" x14ac:dyDescent="0.2">
      <c r="A128" s="6">
        <v>6</v>
      </c>
      <c r="B128" s="4" t="s">
        <v>132</v>
      </c>
      <c r="C128" s="4" t="s">
        <v>133</v>
      </c>
    </row>
    <row r="129" spans="1:3" ht="15" x14ac:dyDescent="0.2">
      <c r="A129" s="6">
        <v>7</v>
      </c>
      <c r="B129" s="4" t="s">
        <v>134</v>
      </c>
      <c r="C129" s="4" t="s">
        <v>135</v>
      </c>
    </row>
    <row r="130" spans="1:3" ht="15" x14ac:dyDescent="0.2">
      <c r="A130" s="6">
        <v>8</v>
      </c>
      <c r="B130" s="4" t="s">
        <v>136</v>
      </c>
      <c r="C130" s="4" t="s">
        <v>70</v>
      </c>
    </row>
    <row r="131" spans="1:3" ht="15" x14ac:dyDescent="0.2">
      <c r="A131" s="6">
        <v>9</v>
      </c>
      <c r="B131" s="4" t="s">
        <v>137</v>
      </c>
      <c r="C131" s="4" t="s">
        <v>138</v>
      </c>
    </row>
    <row r="132" spans="1:3" ht="15" x14ac:dyDescent="0.2">
      <c r="A132" s="6">
        <v>10</v>
      </c>
      <c r="B132" s="4" t="s">
        <v>695</v>
      </c>
      <c r="C132" s="4" t="s">
        <v>59</v>
      </c>
    </row>
    <row r="135" spans="1:3" ht="18" x14ac:dyDescent="0.25">
      <c r="A135" s="9" t="s">
        <v>139</v>
      </c>
      <c r="B135" s="9"/>
    </row>
    <row r="137" spans="1:3" ht="15" x14ac:dyDescent="0.2">
      <c r="A137" s="4" t="s">
        <v>12</v>
      </c>
      <c r="B137" s="4" t="s">
        <v>13</v>
      </c>
      <c r="C137" s="4" t="s">
        <v>1</v>
      </c>
    </row>
    <row r="138" spans="1:3" ht="15" x14ac:dyDescent="0.2">
      <c r="A138" s="4"/>
      <c r="B138" s="4"/>
      <c r="C138" s="4"/>
    </row>
    <row r="139" spans="1:3" ht="15" x14ac:dyDescent="0.2">
      <c r="A139" s="6">
        <v>1</v>
      </c>
      <c r="B139" s="4" t="s">
        <v>140</v>
      </c>
      <c r="C139" s="4" t="s">
        <v>141</v>
      </c>
    </row>
    <row r="140" spans="1:3" ht="15" x14ac:dyDescent="0.2">
      <c r="A140" s="6">
        <v>2</v>
      </c>
      <c r="B140" s="4" t="s">
        <v>142</v>
      </c>
      <c r="C140" s="4" t="s">
        <v>143</v>
      </c>
    </row>
    <row r="141" spans="1:3" ht="15" x14ac:dyDescent="0.2">
      <c r="A141" s="6">
        <v>3</v>
      </c>
      <c r="B141" s="4" t="s">
        <v>144</v>
      </c>
      <c r="C141" s="4" t="s">
        <v>145</v>
      </c>
    </row>
    <row r="142" spans="1:3" ht="15" x14ac:dyDescent="0.2">
      <c r="A142" s="6">
        <v>4</v>
      </c>
      <c r="B142" s="4" t="s">
        <v>146</v>
      </c>
      <c r="C142" s="4" t="s">
        <v>141</v>
      </c>
    </row>
    <row r="143" spans="1:3" ht="15" x14ac:dyDescent="0.2">
      <c r="A143" s="6">
        <v>5</v>
      </c>
      <c r="B143" s="4" t="s">
        <v>303</v>
      </c>
      <c r="C143" s="4" t="s">
        <v>44</v>
      </c>
    </row>
    <row r="144" spans="1:3" ht="15" x14ac:dyDescent="0.2">
      <c r="A144" s="6">
        <v>6</v>
      </c>
      <c r="B144" s="4" t="s">
        <v>147</v>
      </c>
      <c r="C144" s="4" t="s">
        <v>44</v>
      </c>
    </row>
    <row r="145" spans="1:3" ht="15" x14ac:dyDescent="0.2">
      <c r="A145" s="6">
        <v>7</v>
      </c>
      <c r="B145" s="4" t="s">
        <v>148</v>
      </c>
      <c r="C145" s="4" t="s">
        <v>145</v>
      </c>
    </row>
    <row r="146" spans="1:3" ht="15" x14ac:dyDescent="0.2">
      <c r="A146" s="6">
        <v>8</v>
      </c>
      <c r="B146" s="4" t="s">
        <v>149</v>
      </c>
      <c r="C146" s="4" t="s">
        <v>55</v>
      </c>
    </row>
    <row r="147" spans="1:3" ht="15" x14ac:dyDescent="0.2">
      <c r="A147" s="6">
        <v>9</v>
      </c>
      <c r="B147" s="4" t="s">
        <v>150</v>
      </c>
      <c r="C147" s="4" t="s">
        <v>73</v>
      </c>
    </row>
    <row r="148" spans="1:3" ht="15" x14ac:dyDescent="0.2">
      <c r="A148" s="6">
        <v>10</v>
      </c>
      <c r="B148" s="4" t="s">
        <v>151</v>
      </c>
      <c r="C148" s="4" t="s">
        <v>141</v>
      </c>
    </row>
    <row r="149" spans="1:3" ht="15" x14ac:dyDescent="0.2">
      <c r="A149" s="6"/>
      <c r="B149" s="4"/>
      <c r="C149" s="4"/>
    </row>
    <row r="152" spans="1:3" ht="18" x14ac:dyDescent="0.25">
      <c r="A152" s="7" t="s">
        <v>153</v>
      </c>
    </row>
    <row r="154" spans="1:3" ht="15" x14ac:dyDescent="0.2">
      <c r="A154" s="4" t="s">
        <v>12</v>
      </c>
      <c r="B154" s="4" t="s">
        <v>13</v>
      </c>
      <c r="C154" s="4" t="s">
        <v>1</v>
      </c>
    </row>
    <row r="155" spans="1:3" ht="15" x14ac:dyDescent="0.2">
      <c r="A155" s="4"/>
      <c r="B155" s="4"/>
      <c r="C155" s="4"/>
    </row>
    <row r="156" spans="1:3" ht="15" x14ac:dyDescent="0.2">
      <c r="A156" s="6">
        <v>1</v>
      </c>
      <c r="B156" s="4" t="s">
        <v>154</v>
      </c>
      <c r="C156" s="4" t="s">
        <v>57</v>
      </c>
    </row>
    <row r="157" spans="1:3" ht="15" x14ac:dyDescent="0.2">
      <c r="A157" s="6">
        <v>2</v>
      </c>
      <c r="B157" s="4" t="s">
        <v>304</v>
      </c>
      <c r="C157" s="4" t="s">
        <v>19</v>
      </c>
    </row>
    <row r="158" spans="1:3" ht="15" x14ac:dyDescent="0.2">
      <c r="A158" s="6">
        <v>3</v>
      </c>
      <c r="B158" s="4" t="s">
        <v>155</v>
      </c>
      <c r="C158" s="4" t="s">
        <v>156</v>
      </c>
    </row>
    <row r="159" spans="1:3" ht="15" x14ac:dyDescent="0.2">
      <c r="A159" s="6">
        <v>4</v>
      </c>
      <c r="B159" s="4" t="s">
        <v>157</v>
      </c>
      <c r="C159" s="4" t="s">
        <v>15</v>
      </c>
    </row>
    <row r="160" spans="1:3" ht="15" x14ac:dyDescent="0.2">
      <c r="A160" s="6">
        <v>5</v>
      </c>
      <c r="B160" s="4" t="s">
        <v>158</v>
      </c>
      <c r="C160" s="4" t="s">
        <v>152</v>
      </c>
    </row>
    <row r="161" spans="1:3" ht="15" x14ac:dyDescent="0.2">
      <c r="A161" s="6">
        <v>6</v>
      </c>
      <c r="B161" s="4" t="s">
        <v>159</v>
      </c>
      <c r="C161" s="4" t="s">
        <v>160</v>
      </c>
    </row>
    <row r="162" spans="1:3" ht="15" x14ac:dyDescent="0.2">
      <c r="A162" s="6">
        <v>7</v>
      </c>
      <c r="B162" s="4" t="s">
        <v>161</v>
      </c>
      <c r="C162" s="4" t="s">
        <v>44</v>
      </c>
    </row>
    <row r="163" spans="1:3" ht="15" x14ac:dyDescent="0.2">
      <c r="A163" s="6">
        <v>8</v>
      </c>
      <c r="B163" s="4" t="s">
        <v>162</v>
      </c>
      <c r="C163" s="4" t="s">
        <v>163</v>
      </c>
    </row>
    <row r="164" spans="1:3" ht="15" x14ac:dyDescent="0.2">
      <c r="A164" s="6">
        <v>9</v>
      </c>
      <c r="B164" s="4" t="s">
        <v>164</v>
      </c>
      <c r="C164" s="4" t="s">
        <v>138</v>
      </c>
    </row>
    <row r="165" spans="1:3" ht="15" x14ac:dyDescent="0.2">
      <c r="A165" s="6">
        <v>10</v>
      </c>
      <c r="B165" s="4" t="s">
        <v>165</v>
      </c>
      <c r="C165" s="4" t="s">
        <v>138</v>
      </c>
    </row>
    <row r="166" spans="1:3" ht="15" x14ac:dyDescent="0.2">
      <c r="A166" s="6"/>
      <c r="B166" s="4"/>
      <c r="C166" s="4"/>
    </row>
    <row r="169" spans="1:3" ht="20.25" x14ac:dyDescent="0.3">
      <c r="A169" s="10" t="s">
        <v>166</v>
      </c>
      <c r="B169" s="11"/>
    </row>
    <row r="171" spans="1:3" ht="15" x14ac:dyDescent="0.2">
      <c r="A171" s="4" t="s">
        <v>12</v>
      </c>
      <c r="B171" s="4" t="s">
        <v>13</v>
      </c>
      <c r="C171" s="4" t="s">
        <v>1</v>
      </c>
    </row>
    <row r="172" spans="1:3" ht="15" x14ac:dyDescent="0.2">
      <c r="A172" s="4"/>
      <c r="B172" s="4"/>
      <c r="C172" s="4"/>
    </row>
    <row r="173" spans="1:3" ht="15" x14ac:dyDescent="0.2">
      <c r="A173" s="6">
        <v>1</v>
      </c>
      <c r="B173" s="4" t="s">
        <v>167</v>
      </c>
      <c r="C173" s="4" t="s">
        <v>116</v>
      </c>
    </row>
    <row r="174" spans="1:3" ht="15" x14ac:dyDescent="0.2">
      <c r="A174" s="6">
        <v>2</v>
      </c>
      <c r="B174" s="4" t="s">
        <v>168</v>
      </c>
      <c r="C174" s="4" t="s">
        <v>37</v>
      </c>
    </row>
    <row r="175" spans="1:3" ht="15" x14ac:dyDescent="0.2">
      <c r="A175" s="6">
        <v>3</v>
      </c>
      <c r="B175" s="4" t="s">
        <v>169</v>
      </c>
      <c r="C175" s="4" t="s">
        <v>15</v>
      </c>
    </row>
    <row r="176" spans="1:3" ht="15" x14ac:dyDescent="0.2">
      <c r="A176" s="6">
        <v>4</v>
      </c>
      <c r="B176" s="4" t="s">
        <v>170</v>
      </c>
      <c r="C176" s="4" t="s">
        <v>171</v>
      </c>
    </row>
    <row r="177" spans="1:3" ht="15" x14ac:dyDescent="0.2">
      <c r="A177" s="6">
        <v>5</v>
      </c>
      <c r="B177" s="4" t="s">
        <v>172</v>
      </c>
      <c r="C177" s="4" t="s">
        <v>173</v>
      </c>
    </row>
    <row r="178" spans="1:3" ht="15" x14ac:dyDescent="0.2">
      <c r="A178" s="6">
        <v>6</v>
      </c>
      <c r="B178" s="4" t="s">
        <v>174</v>
      </c>
      <c r="C178" s="4" t="s">
        <v>175</v>
      </c>
    </row>
    <row r="179" spans="1:3" ht="15" x14ac:dyDescent="0.2">
      <c r="A179" s="6">
        <v>7</v>
      </c>
      <c r="B179" s="4" t="s">
        <v>176</v>
      </c>
      <c r="C179" s="4" t="s">
        <v>177</v>
      </c>
    </row>
    <row r="180" spans="1:3" ht="15" x14ac:dyDescent="0.2">
      <c r="A180" s="6">
        <v>8</v>
      </c>
      <c r="B180" s="4" t="s">
        <v>178</v>
      </c>
      <c r="C180" s="4" t="s">
        <v>179</v>
      </c>
    </row>
    <row r="181" spans="1:3" ht="15" x14ac:dyDescent="0.2">
      <c r="A181" s="6">
        <v>9</v>
      </c>
      <c r="B181" s="4" t="s">
        <v>181</v>
      </c>
      <c r="C181" s="4" t="s">
        <v>180</v>
      </c>
    </row>
    <row r="182" spans="1:3" ht="15" x14ac:dyDescent="0.2">
      <c r="A182" s="6">
        <v>10</v>
      </c>
      <c r="B182" s="4" t="s">
        <v>182</v>
      </c>
      <c r="C182" s="4" t="s">
        <v>31</v>
      </c>
    </row>
    <row r="183" spans="1:3" ht="15" x14ac:dyDescent="0.2">
      <c r="A183" s="4"/>
      <c r="B183" s="4"/>
      <c r="C183" s="4"/>
    </row>
    <row r="185" spans="1:3" ht="18" x14ac:dyDescent="0.25">
      <c r="A185" s="8" t="s">
        <v>183</v>
      </c>
    </row>
    <row r="187" spans="1:3" ht="15" x14ac:dyDescent="0.2">
      <c r="A187" s="4" t="s">
        <v>12</v>
      </c>
      <c r="B187" s="4" t="s">
        <v>13</v>
      </c>
      <c r="C187" s="4" t="s">
        <v>1</v>
      </c>
    </row>
    <row r="188" spans="1:3" ht="15" x14ac:dyDescent="0.2">
      <c r="A188" s="4"/>
      <c r="B188" s="4"/>
      <c r="C188" s="4"/>
    </row>
    <row r="189" spans="1:3" ht="15" x14ac:dyDescent="0.2">
      <c r="A189" s="6">
        <v>1</v>
      </c>
      <c r="B189" s="4" t="s">
        <v>184</v>
      </c>
      <c r="C189" s="4" t="s">
        <v>185</v>
      </c>
    </row>
    <row r="190" spans="1:3" ht="15" x14ac:dyDescent="0.2">
      <c r="A190" s="6">
        <v>2</v>
      </c>
      <c r="B190" s="4" t="s">
        <v>186</v>
      </c>
      <c r="C190" s="4" t="s">
        <v>187</v>
      </c>
    </row>
    <row r="191" spans="1:3" ht="15" x14ac:dyDescent="0.2">
      <c r="A191" s="6">
        <v>3</v>
      </c>
      <c r="B191" s="4" t="s">
        <v>188</v>
      </c>
      <c r="C191" s="4" t="s">
        <v>152</v>
      </c>
    </row>
    <row r="192" spans="1:3" ht="15" x14ac:dyDescent="0.2">
      <c r="A192" s="6">
        <v>4</v>
      </c>
      <c r="B192" s="4" t="s">
        <v>189</v>
      </c>
      <c r="C192" s="4" t="s">
        <v>190</v>
      </c>
    </row>
    <row r="193" spans="1:3" ht="15" x14ac:dyDescent="0.2">
      <c r="A193" s="6">
        <v>5</v>
      </c>
      <c r="B193" s="4" t="s">
        <v>191</v>
      </c>
      <c r="C193" s="4" t="s">
        <v>192</v>
      </c>
    </row>
    <row r="194" spans="1:3" ht="15" x14ac:dyDescent="0.2">
      <c r="A194" s="6">
        <v>6</v>
      </c>
      <c r="B194" s="4" t="s">
        <v>193</v>
      </c>
      <c r="C194" s="4" t="s">
        <v>187</v>
      </c>
    </row>
    <row r="195" spans="1:3" ht="15" x14ac:dyDescent="0.2">
      <c r="A195" s="6">
        <v>7</v>
      </c>
      <c r="B195" s="4" t="s">
        <v>194</v>
      </c>
      <c r="C195" s="4" t="s">
        <v>195</v>
      </c>
    </row>
    <row r="196" spans="1:3" ht="15" x14ac:dyDescent="0.2">
      <c r="A196" s="6">
        <v>8</v>
      </c>
      <c r="B196" s="4" t="s">
        <v>196</v>
      </c>
      <c r="C196" s="4" t="s">
        <v>141</v>
      </c>
    </row>
    <row r="197" spans="1:3" ht="15" x14ac:dyDescent="0.2">
      <c r="A197" s="6">
        <v>9</v>
      </c>
      <c r="B197" s="4" t="s">
        <v>197</v>
      </c>
      <c r="C197" s="4" t="s">
        <v>198</v>
      </c>
    </row>
    <row r="198" spans="1:3" ht="15" x14ac:dyDescent="0.2">
      <c r="A198" s="6">
        <v>10</v>
      </c>
      <c r="B198" s="4" t="s">
        <v>199</v>
      </c>
      <c r="C198" s="4" t="s">
        <v>200</v>
      </c>
    </row>
    <row r="199" spans="1:3" ht="15" x14ac:dyDescent="0.2">
      <c r="A199" s="4"/>
      <c r="B199" s="4"/>
      <c r="C199" s="4"/>
    </row>
    <row r="201" spans="1:3" ht="18" x14ac:dyDescent="0.25">
      <c r="A201" s="7" t="s">
        <v>201</v>
      </c>
      <c r="B201" s="11"/>
    </row>
    <row r="203" spans="1:3" ht="15" x14ac:dyDescent="0.2">
      <c r="A203" s="4" t="s">
        <v>12</v>
      </c>
      <c r="B203" s="4" t="s">
        <v>13</v>
      </c>
      <c r="C203" s="4" t="s">
        <v>1</v>
      </c>
    </row>
    <row r="204" spans="1:3" ht="15" x14ac:dyDescent="0.2">
      <c r="A204" s="4"/>
      <c r="B204" s="4"/>
      <c r="C204" s="4"/>
    </row>
    <row r="205" spans="1:3" ht="15" x14ac:dyDescent="0.2">
      <c r="A205" s="6">
        <v>1</v>
      </c>
      <c r="B205" s="4" t="s">
        <v>202</v>
      </c>
      <c r="C205" s="4" t="s">
        <v>203</v>
      </c>
    </row>
    <row r="206" spans="1:3" ht="15" x14ac:dyDescent="0.2">
      <c r="A206" s="6">
        <v>2</v>
      </c>
      <c r="B206" s="4" t="s">
        <v>204</v>
      </c>
      <c r="C206" s="4" t="s">
        <v>127</v>
      </c>
    </row>
    <row r="207" spans="1:3" ht="15" x14ac:dyDescent="0.2">
      <c r="A207" s="6">
        <v>3</v>
      </c>
      <c r="B207" s="4" t="s">
        <v>205</v>
      </c>
      <c r="C207" s="4" t="s">
        <v>203</v>
      </c>
    </row>
    <row r="208" spans="1:3" ht="15" x14ac:dyDescent="0.2">
      <c r="A208" s="6">
        <v>4</v>
      </c>
      <c r="B208" s="4" t="s">
        <v>206</v>
      </c>
      <c r="C208" s="4" t="s">
        <v>73</v>
      </c>
    </row>
    <row r="209" spans="1:3" ht="15" x14ac:dyDescent="0.2">
      <c r="A209" s="6">
        <v>5</v>
      </c>
      <c r="B209" s="4" t="s">
        <v>207</v>
      </c>
      <c r="C209" s="4" t="s">
        <v>208</v>
      </c>
    </row>
    <row r="210" spans="1:3" ht="15" x14ac:dyDescent="0.2">
      <c r="A210" s="6">
        <v>6</v>
      </c>
      <c r="B210" s="4" t="s">
        <v>209</v>
      </c>
      <c r="C210" s="4" t="s">
        <v>15</v>
      </c>
    </row>
    <row r="211" spans="1:3" ht="15" x14ac:dyDescent="0.2">
      <c r="A211" s="6">
        <v>7</v>
      </c>
      <c r="B211" s="4" t="s">
        <v>210</v>
      </c>
      <c r="C211" s="4" t="s">
        <v>50</v>
      </c>
    </row>
    <row r="212" spans="1:3" ht="15" x14ac:dyDescent="0.2">
      <c r="A212" s="6">
        <v>8</v>
      </c>
      <c r="B212" s="4" t="s">
        <v>211</v>
      </c>
      <c r="C212" s="4" t="s">
        <v>133</v>
      </c>
    </row>
    <row r="213" spans="1:3" ht="15" x14ac:dyDescent="0.2">
      <c r="A213" s="6">
        <v>9</v>
      </c>
      <c r="B213" s="4" t="s">
        <v>212</v>
      </c>
      <c r="C213" s="4" t="s">
        <v>138</v>
      </c>
    </row>
    <row r="214" spans="1:3" ht="15" x14ac:dyDescent="0.2">
      <c r="A214" s="6">
        <v>10</v>
      </c>
      <c r="B214" s="4" t="s">
        <v>213</v>
      </c>
      <c r="C214" s="4" t="s">
        <v>133</v>
      </c>
    </row>
    <row r="217" spans="1:3" ht="18" x14ac:dyDescent="0.25">
      <c r="A217" s="7" t="s">
        <v>215</v>
      </c>
      <c r="B217" s="7"/>
    </row>
    <row r="219" spans="1:3" ht="15" x14ac:dyDescent="0.2">
      <c r="A219" s="2" t="s">
        <v>12</v>
      </c>
      <c r="B219" s="2" t="s">
        <v>13</v>
      </c>
      <c r="C219" s="2" t="s">
        <v>1</v>
      </c>
    </row>
    <row r="220" spans="1:3" ht="15" x14ac:dyDescent="0.2">
      <c r="A220" s="2"/>
      <c r="B220" s="2"/>
      <c r="C220" s="2"/>
    </row>
    <row r="221" spans="1:3" ht="15" x14ac:dyDescent="0.2">
      <c r="A221" s="3">
        <v>1</v>
      </c>
      <c r="B221" s="2" t="s">
        <v>216</v>
      </c>
      <c r="C221" s="2" t="s">
        <v>15</v>
      </c>
    </row>
    <row r="222" spans="1:3" ht="15" x14ac:dyDescent="0.2">
      <c r="A222" s="3">
        <v>2</v>
      </c>
      <c r="B222" s="2" t="s">
        <v>217</v>
      </c>
      <c r="C222" s="2" t="s">
        <v>218</v>
      </c>
    </row>
    <row r="223" spans="1:3" ht="15" x14ac:dyDescent="0.2">
      <c r="A223" s="3">
        <v>3</v>
      </c>
      <c r="B223" s="2" t="s">
        <v>219</v>
      </c>
      <c r="C223" s="2" t="s">
        <v>220</v>
      </c>
    </row>
    <row r="224" spans="1:3" ht="15" x14ac:dyDescent="0.2">
      <c r="A224" s="3">
        <v>4</v>
      </c>
      <c r="B224" s="2" t="s">
        <v>221</v>
      </c>
      <c r="C224" s="2" t="s">
        <v>15</v>
      </c>
    </row>
    <row r="225" spans="1:3" ht="15" x14ac:dyDescent="0.2">
      <c r="A225" s="3">
        <v>5</v>
      </c>
      <c r="B225" s="2" t="s">
        <v>222</v>
      </c>
      <c r="C225" s="2" t="s">
        <v>135</v>
      </c>
    </row>
    <row r="226" spans="1:3" ht="15" x14ac:dyDescent="0.2">
      <c r="A226" s="3">
        <v>6</v>
      </c>
      <c r="B226" s="2" t="s">
        <v>223</v>
      </c>
      <c r="C226" s="2" t="s">
        <v>44</v>
      </c>
    </row>
    <row r="227" spans="1:3" ht="15" x14ac:dyDescent="0.2">
      <c r="A227" s="3">
        <v>7</v>
      </c>
      <c r="B227" s="2" t="s">
        <v>224</v>
      </c>
      <c r="C227" s="2" t="s">
        <v>129</v>
      </c>
    </row>
    <row r="228" spans="1:3" ht="15" x14ac:dyDescent="0.2">
      <c r="A228" s="3">
        <v>8</v>
      </c>
      <c r="B228" s="2" t="s">
        <v>225</v>
      </c>
      <c r="C228" s="2" t="s">
        <v>226</v>
      </c>
    </row>
    <row r="229" spans="1:3" ht="15" x14ac:dyDescent="0.2">
      <c r="A229" s="3">
        <v>9</v>
      </c>
      <c r="B229" s="2" t="s">
        <v>227</v>
      </c>
      <c r="C229" s="2" t="s">
        <v>228</v>
      </c>
    </row>
    <row r="230" spans="1:3" ht="15" x14ac:dyDescent="0.2">
      <c r="A230" s="3">
        <v>10</v>
      </c>
      <c r="B230" s="2" t="s">
        <v>229</v>
      </c>
      <c r="C230" s="2" t="s">
        <v>230</v>
      </c>
    </row>
    <row r="231" spans="1:3" ht="15" x14ac:dyDescent="0.2">
      <c r="A231" s="2"/>
      <c r="B231" s="2"/>
      <c r="C231" s="2"/>
    </row>
    <row r="232" spans="1:3" ht="18" x14ac:dyDescent="0.25">
      <c r="A232" s="7" t="s">
        <v>214</v>
      </c>
    </row>
    <row r="234" spans="1:3" ht="15" x14ac:dyDescent="0.2">
      <c r="A234" s="2" t="s">
        <v>12</v>
      </c>
      <c r="B234" s="2" t="s">
        <v>13</v>
      </c>
      <c r="C234" s="2" t="s">
        <v>1</v>
      </c>
    </row>
    <row r="235" spans="1:3" ht="15" x14ac:dyDescent="0.2">
      <c r="A235" s="2"/>
      <c r="B235" s="2"/>
      <c r="C235" s="2"/>
    </row>
    <row r="236" spans="1:3" ht="15" x14ac:dyDescent="0.2">
      <c r="A236" s="3">
        <v>1</v>
      </c>
      <c r="B236" s="2" t="s">
        <v>231</v>
      </c>
      <c r="C236" s="2" t="s">
        <v>97</v>
      </c>
    </row>
    <row r="237" spans="1:3" ht="15" x14ac:dyDescent="0.2">
      <c r="A237" s="3">
        <v>2</v>
      </c>
      <c r="B237" s="2" t="s">
        <v>232</v>
      </c>
      <c r="C237" s="2" t="s">
        <v>187</v>
      </c>
    </row>
    <row r="238" spans="1:3" ht="15" x14ac:dyDescent="0.2">
      <c r="A238" s="3">
        <v>3</v>
      </c>
      <c r="B238" s="2" t="s">
        <v>233</v>
      </c>
      <c r="C238" s="2" t="s">
        <v>234</v>
      </c>
    </row>
    <row r="239" spans="1:3" ht="15" x14ac:dyDescent="0.2">
      <c r="A239" s="3">
        <v>4</v>
      </c>
      <c r="B239" s="2" t="s">
        <v>235</v>
      </c>
      <c r="C239" s="2" t="s">
        <v>93</v>
      </c>
    </row>
    <row r="240" spans="1:3" ht="15" x14ac:dyDescent="0.2">
      <c r="A240" s="3">
        <v>5</v>
      </c>
      <c r="B240" s="2" t="s">
        <v>236</v>
      </c>
      <c r="C240" s="2" t="s">
        <v>93</v>
      </c>
    </row>
    <row r="241" spans="1:3" ht="15" x14ac:dyDescent="0.2">
      <c r="A241" s="3">
        <v>6</v>
      </c>
      <c r="B241" s="2" t="s">
        <v>237</v>
      </c>
      <c r="C241" s="2" t="s">
        <v>31</v>
      </c>
    </row>
    <row r="242" spans="1:3" ht="15" x14ac:dyDescent="0.2">
      <c r="A242" s="3">
        <v>7</v>
      </c>
      <c r="B242" s="2" t="s">
        <v>238</v>
      </c>
      <c r="C242" s="2" t="s">
        <v>234</v>
      </c>
    </row>
    <row r="243" spans="1:3" ht="15" x14ac:dyDescent="0.2">
      <c r="A243" s="3">
        <v>8</v>
      </c>
      <c r="B243" s="2" t="s">
        <v>239</v>
      </c>
      <c r="C243" s="2" t="s">
        <v>240</v>
      </c>
    </row>
    <row r="244" spans="1:3" ht="15" x14ac:dyDescent="0.2">
      <c r="A244" s="3">
        <v>9</v>
      </c>
      <c r="B244" s="2" t="s">
        <v>241</v>
      </c>
      <c r="C244" s="2" t="s">
        <v>135</v>
      </c>
    </row>
    <row r="245" spans="1:3" ht="15" x14ac:dyDescent="0.2">
      <c r="A245" s="3">
        <v>10</v>
      </c>
      <c r="B245" s="2" t="s">
        <v>242</v>
      </c>
      <c r="C245" s="2" t="s">
        <v>37</v>
      </c>
    </row>
    <row r="248" spans="1:3" ht="18" x14ac:dyDescent="0.25">
      <c r="A248" s="7" t="s">
        <v>243</v>
      </c>
      <c r="B248" s="7"/>
    </row>
    <row r="250" spans="1:3" ht="15" x14ac:dyDescent="0.2">
      <c r="A250" s="4" t="s">
        <v>12</v>
      </c>
      <c r="B250" s="4" t="s">
        <v>13</v>
      </c>
      <c r="C250" s="4" t="s">
        <v>1</v>
      </c>
    </row>
    <row r="251" spans="1:3" ht="15" x14ac:dyDescent="0.2">
      <c r="A251" s="4"/>
      <c r="B251" s="4"/>
      <c r="C251" s="4"/>
    </row>
    <row r="252" spans="1:3" ht="15" x14ac:dyDescent="0.2">
      <c r="A252" s="6">
        <v>1</v>
      </c>
      <c r="B252" s="4" t="s">
        <v>244</v>
      </c>
      <c r="C252" s="4" t="s">
        <v>208</v>
      </c>
    </row>
    <row r="253" spans="1:3" ht="15" x14ac:dyDescent="0.2">
      <c r="A253" s="6">
        <v>2</v>
      </c>
      <c r="B253" s="4" t="s">
        <v>245</v>
      </c>
      <c r="C253" s="4" t="s">
        <v>93</v>
      </c>
    </row>
    <row r="254" spans="1:3" ht="15" x14ac:dyDescent="0.2">
      <c r="A254" s="6">
        <v>3</v>
      </c>
      <c r="B254" s="4" t="s">
        <v>246</v>
      </c>
      <c r="C254" s="4" t="s">
        <v>127</v>
      </c>
    </row>
    <row r="255" spans="1:3" ht="15" x14ac:dyDescent="0.2">
      <c r="A255" s="6">
        <v>4</v>
      </c>
      <c r="B255" s="4" t="s">
        <v>247</v>
      </c>
      <c r="C255" s="4" t="s">
        <v>248</v>
      </c>
    </row>
    <row r="256" spans="1:3" ht="15" x14ac:dyDescent="0.2">
      <c r="A256" s="6">
        <v>5</v>
      </c>
      <c r="B256" s="4" t="s">
        <v>249</v>
      </c>
      <c r="C256" s="4" t="s">
        <v>15</v>
      </c>
    </row>
    <row r="257" spans="1:3" ht="15" x14ac:dyDescent="0.2">
      <c r="A257" s="6">
        <v>6</v>
      </c>
      <c r="B257" s="4" t="s">
        <v>250</v>
      </c>
      <c r="C257" s="4" t="s">
        <v>127</v>
      </c>
    </row>
    <row r="258" spans="1:3" ht="15" x14ac:dyDescent="0.2">
      <c r="A258" s="6">
        <v>7</v>
      </c>
      <c r="B258" s="4" t="s">
        <v>251</v>
      </c>
      <c r="C258" s="4" t="s">
        <v>252</v>
      </c>
    </row>
    <row r="259" spans="1:3" ht="15" x14ac:dyDescent="0.2">
      <c r="A259" s="6">
        <v>8</v>
      </c>
      <c r="B259" s="4" t="s">
        <v>253</v>
      </c>
      <c r="C259" s="4" t="s">
        <v>254</v>
      </c>
    </row>
    <row r="260" spans="1:3" ht="15" x14ac:dyDescent="0.2">
      <c r="A260" s="6">
        <v>9</v>
      </c>
      <c r="B260" s="4" t="s">
        <v>255</v>
      </c>
      <c r="C260" s="4" t="s">
        <v>256</v>
      </c>
    </row>
    <row r="261" spans="1:3" ht="15" x14ac:dyDescent="0.2">
      <c r="A261" s="6">
        <v>10</v>
      </c>
      <c r="B261" s="4" t="s">
        <v>257</v>
      </c>
      <c r="C261" s="4" t="s">
        <v>258</v>
      </c>
    </row>
    <row r="262" spans="1:3" ht="15" x14ac:dyDescent="0.2">
      <c r="A262" s="4"/>
      <c r="B262" s="4"/>
      <c r="C262" s="4"/>
    </row>
    <row r="264" spans="1:3" ht="18" x14ac:dyDescent="0.25">
      <c r="A264" s="7" t="s">
        <v>259</v>
      </c>
    </row>
    <row r="266" spans="1:3" ht="15" x14ac:dyDescent="0.2">
      <c r="A266" s="4" t="s">
        <v>12</v>
      </c>
      <c r="B266" s="4" t="s">
        <v>13</v>
      </c>
      <c r="C266" s="4" t="s">
        <v>1</v>
      </c>
    </row>
    <row r="267" spans="1:3" ht="15" x14ac:dyDescent="0.2">
      <c r="A267" s="4"/>
      <c r="B267" s="4"/>
      <c r="C267" s="4"/>
    </row>
    <row r="268" spans="1:3" ht="15" x14ac:dyDescent="0.2">
      <c r="A268" s="6">
        <v>1</v>
      </c>
      <c r="B268" s="4" t="s">
        <v>260</v>
      </c>
      <c r="C268" s="4" t="s">
        <v>116</v>
      </c>
    </row>
    <row r="269" spans="1:3" ht="15" x14ac:dyDescent="0.2">
      <c r="A269" s="6">
        <v>2</v>
      </c>
      <c r="B269" s="4" t="s">
        <v>261</v>
      </c>
      <c r="C269" s="4" t="s">
        <v>262</v>
      </c>
    </row>
    <row r="270" spans="1:3" ht="15" x14ac:dyDescent="0.2">
      <c r="A270" s="6">
        <v>3</v>
      </c>
      <c r="B270" s="4" t="s">
        <v>263</v>
      </c>
      <c r="C270" s="4" t="s">
        <v>95</v>
      </c>
    </row>
    <row r="271" spans="1:3" ht="15" x14ac:dyDescent="0.2">
      <c r="A271" s="6">
        <v>4</v>
      </c>
      <c r="B271" s="4" t="s">
        <v>264</v>
      </c>
      <c r="C271" s="4" t="s">
        <v>265</v>
      </c>
    </row>
    <row r="272" spans="1:3" ht="15" x14ac:dyDescent="0.2">
      <c r="A272" s="6">
        <v>5</v>
      </c>
      <c r="B272" s="4" t="s">
        <v>266</v>
      </c>
      <c r="C272" s="4" t="s">
        <v>267</v>
      </c>
    </row>
    <row r="273" spans="1:3" ht="15" x14ac:dyDescent="0.2">
      <c r="A273" s="6">
        <v>6</v>
      </c>
      <c r="B273" s="4" t="s">
        <v>268</v>
      </c>
      <c r="C273" s="4" t="s">
        <v>116</v>
      </c>
    </row>
    <row r="274" spans="1:3" ht="15" x14ac:dyDescent="0.2">
      <c r="A274" s="6">
        <v>7</v>
      </c>
      <c r="B274" s="4" t="s">
        <v>269</v>
      </c>
      <c r="C274" s="4" t="s">
        <v>265</v>
      </c>
    </row>
    <row r="275" spans="1:3" ht="15" x14ac:dyDescent="0.2">
      <c r="A275" s="6">
        <v>8</v>
      </c>
      <c r="B275" s="4" t="s">
        <v>270</v>
      </c>
      <c r="C275" s="4" t="s">
        <v>271</v>
      </c>
    </row>
    <row r="276" spans="1:3" ht="15" x14ac:dyDescent="0.2">
      <c r="A276" s="6">
        <v>9</v>
      </c>
      <c r="B276" s="4" t="s">
        <v>272</v>
      </c>
      <c r="C276" s="4" t="s">
        <v>273</v>
      </c>
    </row>
    <row r="277" spans="1:3" ht="15" x14ac:dyDescent="0.2">
      <c r="A277" s="6">
        <v>10</v>
      </c>
      <c r="B277" s="4" t="s">
        <v>274</v>
      </c>
      <c r="C277" s="4" t="s">
        <v>275</v>
      </c>
    </row>
    <row r="278" spans="1:3" ht="15" x14ac:dyDescent="0.2">
      <c r="A278" s="4"/>
      <c r="B278" s="4"/>
      <c r="C278" s="4"/>
    </row>
    <row r="280" spans="1:3" ht="18" x14ac:dyDescent="0.25">
      <c r="A280" s="7" t="s">
        <v>276</v>
      </c>
    </row>
    <row r="282" spans="1:3" ht="15" x14ac:dyDescent="0.2">
      <c r="A282" s="4" t="s">
        <v>12</v>
      </c>
      <c r="B282" s="4" t="s">
        <v>13</v>
      </c>
      <c r="C282" s="4" t="s">
        <v>1</v>
      </c>
    </row>
    <row r="283" spans="1:3" ht="15" x14ac:dyDescent="0.2">
      <c r="A283" s="4"/>
      <c r="B283" s="4"/>
      <c r="C283" s="4"/>
    </row>
    <row r="284" spans="1:3" ht="15" x14ac:dyDescent="0.2">
      <c r="A284" s="6">
        <v>1</v>
      </c>
      <c r="B284" s="4" t="s">
        <v>277</v>
      </c>
      <c r="C284" s="4" t="s">
        <v>278</v>
      </c>
    </row>
    <row r="285" spans="1:3" ht="15" x14ac:dyDescent="0.2">
      <c r="A285" s="6">
        <v>2</v>
      </c>
      <c r="B285" s="4" t="s">
        <v>279</v>
      </c>
      <c r="C285" s="4" t="s">
        <v>15</v>
      </c>
    </row>
    <row r="286" spans="1:3" ht="15" x14ac:dyDescent="0.2">
      <c r="A286" s="6">
        <v>3</v>
      </c>
      <c r="B286" s="4" t="s">
        <v>280</v>
      </c>
      <c r="C286" s="4" t="s">
        <v>281</v>
      </c>
    </row>
    <row r="287" spans="1:3" ht="15" x14ac:dyDescent="0.2">
      <c r="A287" s="6">
        <v>4</v>
      </c>
      <c r="B287" s="4" t="s">
        <v>282</v>
      </c>
      <c r="C287" s="4" t="s">
        <v>100</v>
      </c>
    </row>
    <row r="288" spans="1:3" ht="15" x14ac:dyDescent="0.2">
      <c r="A288" s="6">
        <v>5</v>
      </c>
      <c r="B288" s="4" t="s">
        <v>283</v>
      </c>
      <c r="C288" s="4" t="s">
        <v>240</v>
      </c>
    </row>
    <row r="289" spans="1:3" ht="15" x14ac:dyDescent="0.2">
      <c r="A289" s="6">
        <v>6</v>
      </c>
      <c r="B289" s="4" t="s">
        <v>284</v>
      </c>
      <c r="C289" s="4" t="s">
        <v>256</v>
      </c>
    </row>
    <row r="290" spans="1:3" ht="15" x14ac:dyDescent="0.2">
      <c r="A290" s="6">
        <v>7</v>
      </c>
      <c r="B290" s="4" t="s">
        <v>290</v>
      </c>
      <c r="C290" s="4" t="s">
        <v>135</v>
      </c>
    </row>
    <row r="291" spans="1:3" ht="15" x14ac:dyDescent="0.2">
      <c r="A291" s="6">
        <v>8</v>
      </c>
      <c r="B291" s="4" t="s">
        <v>285</v>
      </c>
      <c r="C291" s="4" t="s">
        <v>286</v>
      </c>
    </row>
    <row r="292" spans="1:3" ht="15" x14ac:dyDescent="0.2">
      <c r="A292" s="6">
        <v>9</v>
      </c>
      <c r="B292" s="4" t="s">
        <v>287</v>
      </c>
      <c r="C292" s="4" t="s">
        <v>288</v>
      </c>
    </row>
    <row r="293" spans="1:3" ht="15" x14ac:dyDescent="0.2">
      <c r="A293" s="6">
        <v>10</v>
      </c>
      <c r="B293" s="4" t="s">
        <v>289</v>
      </c>
      <c r="C293" s="4" t="s">
        <v>145</v>
      </c>
    </row>
    <row r="294" spans="1:3" ht="15" x14ac:dyDescent="0.2">
      <c r="A294" s="4"/>
      <c r="B294" s="4"/>
      <c r="C294" s="4"/>
    </row>
    <row r="296" spans="1:3" ht="18" x14ac:dyDescent="0.25">
      <c r="A296" s="7" t="s">
        <v>291</v>
      </c>
    </row>
    <row r="298" spans="1:3" ht="15" x14ac:dyDescent="0.2">
      <c r="A298" s="4" t="s">
        <v>12</v>
      </c>
      <c r="B298" s="4" t="s">
        <v>13</v>
      </c>
      <c r="C298" s="4" t="s">
        <v>1</v>
      </c>
    </row>
    <row r="299" spans="1:3" ht="15" x14ac:dyDescent="0.2">
      <c r="A299" s="4"/>
      <c r="B299" s="4"/>
      <c r="C299" s="4"/>
    </row>
    <row r="300" spans="1:3" ht="15" x14ac:dyDescent="0.2">
      <c r="A300" s="6">
        <v>1</v>
      </c>
      <c r="B300" s="4" t="s">
        <v>292</v>
      </c>
      <c r="C300" s="4" t="s">
        <v>240</v>
      </c>
    </row>
    <row r="301" spans="1:3" ht="15" x14ac:dyDescent="0.2">
      <c r="A301" s="6">
        <v>2</v>
      </c>
      <c r="B301" s="4" t="s">
        <v>293</v>
      </c>
      <c r="C301" s="4" t="s">
        <v>240</v>
      </c>
    </row>
    <row r="302" spans="1:3" ht="15" x14ac:dyDescent="0.2">
      <c r="A302" s="6">
        <v>3</v>
      </c>
      <c r="B302" s="4" t="s">
        <v>294</v>
      </c>
      <c r="C302" s="4" t="s">
        <v>271</v>
      </c>
    </row>
    <row r="303" spans="1:3" ht="15" x14ac:dyDescent="0.2">
      <c r="A303" s="6">
        <v>4</v>
      </c>
      <c r="B303" s="4" t="s">
        <v>295</v>
      </c>
      <c r="C303" s="4" t="s">
        <v>93</v>
      </c>
    </row>
    <row r="304" spans="1:3" ht="15" x14ac:dyDescent="0.2">
      <c r="A304" s="6">
        <v>5</v>
      </c>
      <c r="B304" s="4" t="s">
        <v>296</v>
      </c>
      <c r="C304" s="4" t="s">
        <v>73</v>
      </c>
    </row>
    <row r="305" spans="1:3" ht="15" x14ac:dyDescent="0.2">
      <c r="A305" s="6">
        <v>6</v>
      </c>
      <c r="B305" s="4" t="s">
        <v>297</v>
      </c>
      <c r="C305" s="4" t="s">
        <v>28</v>
      </c>
    </row>
    <row r="306" spans="1:3" ht="15" x14ac:dyDescent="0.2">
      <c r="A306" s="6">
        <v>7</v>
      </c>
      <c r="B306" s="4" t="s">
        <v>298</v>
      </c>
      <c r="C306" s="4" t="s">
        <v>273</v>
      </c>
    </row>
    <row r="307" spans="1:3" ht="15" x14ac:dyDescent="0.2">
      <c r="A307" s="6">
        <v>8</v>
      </c>
      <c r="B307" s="4" t="s">
        <v>299</v>
      </c>
      <c r="C307" s="4" t="s">
        <v>78</v>
      </c>
    </row>
    <row r="308" spans="1:3" ht="15" x14ac:dyDescent="0.2">
      <c r="A308" s="6">
        <v>9</v>
      </c>
      <c r="B308" s="4" t="s">
        <v>300</v>
      </c>
      <c r="C308" s="4" t="s">
        <v>301</v>
      </c>
    </row>
    <row r="309" spans="1:3" ht="15" x14ac:dyDescent="0.2">
      <c r="A309" s="6">
        <v>10</v>
      </c>
      <c r="B309" s="4" t="s">
        <v>302</v>
      </c>
      <c r="C309" s="4" t="s">
        <v>228</v>
      </c>
    </row>
    <row r="310" spans="1:3" ht="15" x14ac:dyDescent="0.2">
      <c r="A310" s="4"/>
      <c r="B310" s="4"/>
      <c r="C310" s="4"/>
    </row>
    <row r="311" spans="1:3" ht="18" x14ac:dyDescent="0.25">
      <c r="A311" s="7" t="s">
        <v>305</v>
      </c>
      <c r="B311" s="7"/>
      <c r="C311" s="2"/>
    </row>
    <row r="312" spans="1:3" ht="15" x14ac:dyDescent="0.2">
      <c r="A312" s="2"/>
      <c r="B312" s="2"/>
      <c r="C312" s="2"/>
    </row>
    <row r="313" spans="1:3" ht="15" x14ac:dyDescent="0.2">
      <c r="A313" s="2" t="s">
        <v>12</v>
      </c>
      <c r="B313" s="2" t="s">
        <v>13</v>
      </c>
      <c r="C313" s="2" t="s">
        <v>1</v>
      </c>
    </row>
    <row r="314" spans="1:3" ht="15" x14ac:dyDescent="0.2">
      <c r="A314" s="2"/>
      <c r="B314" s="2"/>
      <c r="C314" s="2"/>
    </row>
    <row r="315" spans="1:3" ht="15" x14ac:dyDescent="0.2">
      <c r="A315" s="3">
        <v>1</v>
      </c>
      <c r="B315" s="2" t="s">
        <v>306</v>
      </c>
      <c r="C315" s="2" t="s">
        <v>256</v>
      </c>
    </row>
    <row r="316" spans="1:3" ht="15" x14ac:dyDescent="0.2">
      <c r="A316" s="3">
        <v>2</v>
      </c>
      <c r="B316" s="2" t="s">
        <v>307</v>
      </c>
      <c r="C316" s="2" t="s">
        <v>75</v>
      </c>
    </row>
    <row r="317" spans="1:3" ht="15" x14ac:dyDescent="0.2">
      <c r="A317" s="3">
        <v>3</v>
      </c>
      <c r="B317" s="2" t="s">
        <v>308</v>
      </c>
      <c r="C317" s="2" t="s">
        <v>63</v>
      </c>
    </row>
    <row r="318" spans="1:3" ht="15" x14ac:dyDescent="0.2">
      <c r="A318" s="3">
        <v>4</v>
      </c>
      <c r="B318" s="2" t="s">
        <v>309</v>
      </c>
      <c r="C318" s="2" t="s">
        <v>310</v>
      </c>
    </row>
    <row r="319" spans="1:3" ht="15" x14ac:dyDescent="0.2">
      <c r="A319" s="3">
        <v>5</v>
      </c>
      <c r="B319" s="2" t="s">
        <v>311</v>
      </c>
      <c r="C319" s="2" t="s">
        <v>57</v>
      </c>
    </row>
    <row r="320" spans="1:3" ht="15" x14ac:dyDescent="0.2">
      <c r="A320" s="3">
        <v>6</v>
      </c>
      <c r="B320" s="2" t="s">
        <v>312</v>
      </c>
      <c r="C320" s="2" t="s">
        <v>288</v>
      </c>
    </row>
    <row r="321" spans="1:3" ht="15" x14ac:dyDescent="0.2">
      <c r="A321" s="3">
        <v>7</v>
      </c>
      <c r="B321" s="2" t="s">
        <v>313</v>
      </c>
      <c r="C321" s="2" t="s">
        <v>50</v>
      </c>
    </row>
    <row r="322" spans="1:3" ht="15" x14ac:dyDescent="0.2">
      <c r="A322" s="3">
        <v>8</v>
      </c>
      <c r="B322" s="2" t="s">
        <v>314</v>
      </c>
      <c r="C322" s="2" t="s">
        <v>315</v>
      </c>
    </row>
    <row r="323" spans="1:3" ht="15" x14ac:dyDescent="0.2">
      <c r="A323" s="3">
        <v>9</v>
      </c>
      <c r="B323" s="2" t="s">
        <v>316</v>
      </c>
      <c r="C323" s="2" t="s">
        <v>317</v>
      </c>
    </row>
    <row r="324" spans="1:3" ht="15" x14ac:dyDescent="0.2">
      <c r="A324" s="3">
        <v>10</v>
      </c>
      <c r="B324" s="2" t="s">
        <v>318</v>
      </c>
      <c r="C324" s="2" t="s">
        <v>319</v>
      </c>
    </row>
    <row r="325" spans="1:3" ht="15" x14ac:dyDescent="0.2">
      <c r="A325" s="2"/>
      <c r="B325" s="2"/>
      <c r="C325" s="2"/>
    </row>
    <row r="327" spans="1:3" ht="18" x14ac:dyDescent="0.25">
      <c r="A327" s="7" t="s">
        <v>320</v>
      </c>
      <c r="B327" s="7"/>
    </row>
    <row r="329" spans="1:3" ht="15" x14ac:dyDescent="0.2">
      <c r="A329" s="4" t="s">
        <v>12</v>
      </c>
      <c r="B329" s="4" t="s">
        <v>13</v>
      </c>
      <c r="C329" s="4" t="s">
        <v>1</v>
      </c>
    </row>
    <row r="330" spans="1:3" ht="15" x14ac:dyDescent="0.2">
      <c r="A330" s="4"/>
      <c r="B330" s="4"/>
      <c r="C330" s="4"/>
    </row>
    <row r="331" spans="1:3" ht="15" x14ac:dyDescent="0.2">
      <c r="A331" s="6">
        <v>1</v>
      </c>
      <c r="B331" s="4" t="s">
        <v>321</v>
      </c>
      <c r="C331" s="4" t="s">
        <v>141</v>
      </c>
    </row>
    <row r="332" spans="1:3" ht="15" x14ac:dyDescent="0.2">
      <c r="A332" s="6">
        <v>2</v>
      </c>
      <c r="B332" s="4" t="s">
        <v>322</v>
      </c>
      <c r="C332" s="4" t="s">
        <v>57</v>
      </c>
    </row>
    <row r="333" spans="1:3" ht="15" x14ac:dyDescent="0.2">
      <c r="A333" s="6">
        <v>3</v>
      </c>
      <c r="B333" s="4" t="s">
        <v>323</v>
      </c>
      <c r="C333" s="4" t="s">
        <v>31</v>
      </c>
    </row>
    <row r="334" spans="1:3" ht="15" x14ac:dyDescent="0.2">
      <c r="A334" s="6">
        <v>4</v>
      </c>
      <c r="B334" s="4" t="s">
        <v>324</v>
      </c>
      <c r="C334" s="4" t="s">
        <v>50</v>
      </c>
    </row>
    <row r="335" spans="1:3" ht="15" x14ac:dyDescent="0.2">
      <c r="A335" s="6">
        <v>5</v>
      </c>
      <c r="B335" s="4" t="s">
        <v>325</v>
      </c>
      <c r="C335" s="4" t="s">
        <v>50</v>
      </c>
    </row>
    <row r="336" spans="1:3" ht="15" x14ac:dyDescent="0.2">
      <c r="A336" s="6">
        <v>6</v>
      </c>
      <c r="B336" s="4" t="s">
        <v>326</v>
      </c>
      <c r="C336" s="4" t="s">
        <v>327</v>
      </c>
    </row>
    <row r="337" spans="1:3" ht="15" x14ac:dyDescent="0.2">
      <c r="A337" s="6">
        <v>7</v>
      </c>
      <c r="B337" s="4" t="s">
        <v>328</v>
      </c>
      <c r="C337" s="4" t="s">
        <v>50</v>
      </c>
    </row>
    <row r="338" spans="1:3" ht="15" x14ac:dyDescent="0.2">
      <c r="A338" s="6">
        <v>8</v>
      </c>
      <c r="B338" s="4" t="s">
        <v>329</v>
      </c>
      <c r="C338" s="4" t="s">
        <v>73</v>
      </c>
    </row>
    <row r="339" spans="1:3" ht="15" x14ac:dyDescent="0.2">
      <c r="A339" s="6">
        <v>9</v>
      </c>
      <c r="B339" s="4" t="s">
        <v>330</v>
      </c>
      <c r="C339" s="4" t="s">
        <v>331</v>
      </c>
    </row>
    <row r="340" spans="1:3" ht="15" x14ac:dyDescent="0.2">
      <c r="A340" s="6">
        <v>10</v>
      </c>
      <c r="B340" s="4" t="s">
        <v>332</v>
      </c>
      <c r="C340" s="4" t="s">
        <v>120</v>
      </c>
    </row>
    <row r="341" spans="1:3" ht="15" x14ac:dyDescent="0.2">
      <c r="A341" s="4"/>
      <c r="B341" s="4"/>
      <c r="C341" s="4"/>
    </row>
    <row r="343" spans="1:3" ht="18" x14ac:dyDescent="0.25">
      <c r="A343" s="7" t="s">
        <v>333</v>
      </c>
    </row>
    <row r="345" spans="1:3" ht="15" x14ac:dyDescent="0.2">
      <c r="A345" s="4" t="s">
        <v>12</v>
      </c>
      <c r="B345" s="4" t="s">
        <v>1</v>
      </c>
    </row>
    <row r="346" spans="1:3" ht="15" x14ac:dyDescent="0.2">
      <c r="A346" s="4"/>
      <c r="B346" s="4"/>
    </row>
    <row r="347" spans="1:3" ht="15" x14ac:dyDescent="0.2">
      <c r="A347" s="6">
        <v>1</v>
      </c>
      <c r="B347" s="4" t="s">
        <v>256</v>
      </c>
    </row>
    <row r="348" spans="1:3" ht="15" x14ac:dyDescent="0.2">
      <c r="A348" s="6">
        <v>2</v>
      </c>
      <c r="B348" s="4" t="s">
        <v>63</v>
      </c>
    </row>
    <row r="349" spans="1:3" ht="15" x14ac:dyDescent="0.2">
      <c r="A349" s="6">
        <v>3</v>
      </c>
      <c r="B349" s="4" t="s">
        <v>334</v>
      </c>
    </row>
    <row r="350" spans="1:3" ht="15" x14ac:dyDescent="0.2">
      <c r="A350" s="6">
        <v>4</v>
      </c>
      <c r="B350" s="4" t="s">
        <v>335</v>
      </c>
    </row>
    <row r="351" spans="1:3" ht="15" x14ac:dyDescent="0.2">
      <c r="A351" s="6">
        <v>5</v>
      </c>
      <c r="B351" s="4" t="s">
        <v>73</v>
      </c>
    </row>
    <row r="352" spans="1:3" ht="15" x14ac:dyDescent="0.2">
      <c r="A352" s="6">
        <v>6</v>
      </c>
      <c r="B352" s="4" t="s">
        <v>220</v>
      </c>
    </row>
    <row r="353" spans="1:2" ht="15" x14ac:dyDescent="0.2">
      <c r="A353" s="6">
        <v>7</v>
      </c>
      <c r="B353" s="4" t="s">
        <v>336</v>
      </c>
    </row>
    <row r="354" spans="1:2" ht="15" x14ac:dyDescent="0.2">
      <c r="A354" s="6">
        <v>8</v>
      </c>
      <c r="B354" s="4" t="s">
        <v>337</v>
      </c>
    </row>
    <row r="355" spans="1:2" ht="15" x14ac:dyDescent="0.2">
      <c r="A355" s="6">
        <v>9</v>
      </c>
      <c r="B355" s="4" t="s">
        <v>37</v>
      </c>
    </row>
    <row r="356" spans="1:2" ht="15" x14ac:dyDescent="0.2">
      <c r="A356" s="6">
        <v>10</v>
      </c>
      <c r="B356" s="4" t="s">
        <v>15</v>
      </c>
    </row>
    <row r="358" spans="1:2" ht="18" x14ac:dyDescent="0.25">
      <c r="A358" s="8"/>
    </row>
    <row r="359" spans="1:2" ht="18" x14ac:dyDescent="0.25">
      <c r="A359" s="7" t="s">
        <v>338</v>
      </c>
    </row>
    <row r="361" spans="1:2" ht="15" x14ac:dyDescent="0.2">
      <c r="A361" s="4" t="s">
        <v>12</v>
      </c>
      <c r="B361" s="4" t="s">
        <v>1</v>
      </c>
    </row>
    <row r="362" spans="1:2" ht="15" x14ac:dyDescent="0.2">
      <c r="A362" s="4"/>
      <c r="B362" s="4"/>
    </row>
    <row r="363" spans="1:2" ht="15" x14ac:dyDescent="0.2">
      <c r="A363" s="6">
        <v>1</v>
      </c>
      <c r="B363" s="4" t="s">
        <v>220</v>
      </c>
    </row>
    <row r="364" spans="1:2" ht="15" x14ac:dyDescent="0.2">
      <c r="A364" s="6">
        <v>2</v>
      </c>
      <c r="B364" s="4" t="s">
        <v>256</v>
      </c>
    </row>
    <row r="365" spans="1:2" ht="15" x14ac:dyDescent="0.2">
      <c r="A365" s="6">
        <v>3</v>
      </c>
      <c r="B365" s="4" t="s">
        <v>19</v>
      </c>
    </row>
    <row r="366" spans="1:2" ht="15" x14ac:dyDescent="0.2">
      <c r="A366" s="6">
        <v>4</v>
      </c>
      <c r="B366" s="4" t="s">
        <v>15</v>
      </c>
    </row>
    <row r="367" spans="1:2" ht="15" x14ac:dyDescent="0.2">
      <c r="A367" s="6">
        <v>5</v>
      </c>
      <c r="B367" s="4" t="s">
        <v>208</v>
      </c>
    </row>
    <row r="368" spans="1:2" ht="15" x14ac:dyDescent="0.2">
      <c r="A368" s="6">
        <v>6</v>
      </c>
      <c r="B368" s="4" t="s">
        <v>52</v>
      </c>
    </row>
    <row r="369" spans="1:3" ht="15" x14ac:dyDescent="0.2">
      <c r="A369" s="4"/>
      <c r="B369" s="4"/>
    </row>
    <row r="372" spans="1:3" ht="18" x14ac:dyDescent="0.25">
      <c r="A372" s="7" t="s">
        <v>339</v>
      </c>
    </row>
    <row r="374" spans="1:3" ht="15" x14ac:dyDescent="0.2">
      <c r="A374" s="4" t="s">
        <v>12</v>
      </c>
      <c r="B374" s="4" t="s">
        <v>13</v>
      </c>
      <c r="C374" s="4" t="s">
        <v>1</v>
      </c>
    </row>
    <row r="375" spans="1:3" ht="15" x14ac:dyDescent="0.2">
      <c r="A375" s="4"/>
      <c r="B375" s="4"/>
      <c r="C375" s="4"/>
    </row>
    <row r="376" spans="1:3" ht="15" x14ac:dyDescent="0.2">
      <c r="A376" s="6">
        <v>1</v>
      </c>
      <c r="B376" s="4" t="s">
        <v>340</v>
      </c>
      <c r="C376" s="4" t="s">
        <v>95</v>
      </c>
    </row>
    <row r="377" spans="1:3" ht="15" x14ac:dyDescent="0.2">
      <c r="A377" s="6">
        <v>2</v>
      </c>
      <c r="B377" s="4" t="s">
        <v>341</v>
      </c>
      <c r="C377" s="4" t="s">
        <v>342</v>
      </c>
    </row>
    <row r="378" spans="1:3" ht="15" x14ac:dyDescent="0.2">
      <c r="A378" s="6">
        <v>3</v>
      </c>
      <c r="B378" s="4" t="s">
        <v>343</v>
      </c>
      <c r="C378" s="4" t="s">
        <v>87</v>
      </c>
    </row>
    <row r="379" spans="1:3" ht="15" x14ac:dyDescent="0.2">
      <c r="A379" s="6">
        <v>4</v>
      </c>
      <c r="B379" s="4" t="s">
        <v>344</v>
      </c>
      <c r="C379" s="4" t="s">
        <v>15</v>
      </c>
    </row>
    <row r="380" spans="1:3" ht="15" x14ac:dyDescent="0.2">
      <c r="A380" s="6">
        <v>5</v>
      </c>
      <c r="B380" s="4" t="s">
        <v>345</v>
      </c>
      <c r="C380" s="4" t="s">
        <v>120</v>
      </c>
    </row>
    <row r="381" spans="1:3" ht="15" x14ac:dyDescent="0.2">
      <c r="A381" s="6">
        <v>6</v>
      </c>
      <c r="B381" s="4" t="s">
        <v>346</v>
      </c>
      <c r="C381" s="4" t="s">
        <v>175</v>
      </c>
    </row>
    <row r="382" spans="1:3" ht="15" x14ac:dyDescent="0.2">
      <c r="A382" s="6">
        <v>7</v>
      </c>
      <c r="B382" s="4" t="s">
        <v>347</v>
      </c>
      <c r="C382" s="4" t="s">
        <v>127</v>
      </c>
    </row>
    <row r="383" spans="1:3" ht="15" x14ac:dyDescent="0.2">
      <c r="A383" s="6">
        <v>8</v>
      </c>
      <c r="B383" s="4" t="s">
        <v>348</v>
      </c>
      <c r="C383" s="4" t="s">
        <v>349</v>
      </c>
    </row>
    <row r="384" spans="1:3" ht="15" x14ac:dyDescent="0.2">
      <c r="A384" s="6">
        <v>9</v>
      </c>
      <c r="B384" s="4" t="s">
        <v>350</v>
      </c>
      <c r="C384" s="4" t="s">
        <v>351</v>
      </c>
    </row>
    <row r="385" spans="1:3" ht="15" x14ac:dyDescent="0.2">
      <c r="A385" s="6">
        <v>10</v>
      </c>
      <c r="B385" s="4" t="s">
        <v>352</v>
      </c>
      <c r="C385" s="4" t="s">
        <v>160</v>
      </c>
    </row>
    <row r="388" spans="1:3" ht="18" x14ac:dyDescent="0.25">
      <c r="A388" s="7" t="s">
        <v>353</v>
      </c>
      <c r="B388" s="7"/>
    </row>
    <row r="390" spans="1:3" ht="15" x14ac:dyDescent="0.2">
      <c r="A390" s="4" t="s">
        <v>12</v>
      </c>
      <c r="B390" s="4" t="s">
        <v>13</v>
      </c>
      <c r="C390" s="4" t="s">
        <v>1</v>
      </c>
    </row>
    <row r="391" spans="1:3" ht="15" x14ac:dyDescent="0.2">
      <c r="A391" s="4"/>
      <c r="B391" s="4"/>
      <c r="C391" s="4"/>
    </row>
    <row r="392" spans="1:3" ht="15" x14ac:dyDescent="0.2">
      <c r="A392" s="6">
        <v>1</v>
      </c>
      <c r="B392" s="4" t="s">
        <v>354</v>
      </c>
      <c r="C392" s="4" t="s">
        <v>19</v>
      </c>
    </row>
    <row r="393" spans="1:3" ht="15" x14ac:dyDescent="0.2">
      <c r="A393" s="6"/>
      <c r="B393" s="4" t="s">
        <v>355</v>
      </c>
      <c r="C393" s="4"/>
    </row>
    <row r="394" spans="1:3" ht="15" x14ac:dyDescent="0.2">
      <c r="A394" s="6"/>
      <c r="B394" s="4" t="s">
        <v>356</v>
      </c>
      <c r="C394" s="4"/>
    </row>
    <row r="395" spans="1:3" ht="15" x14ac:dyDescent="0.2">
      <c r="A395" s="6"/>
      <c r="B395" s="4" t="s">
        <v>357</v>
      </c>
      <c r="C395" s="4"/>
    </row>
    <row r="396" spans="1:3" ht="15" x14ac:dyDescent="0.2">
      <c r="A396" s="6"/>
      <c r="B396" s="4"/>
      <c r="C396" s="4"/>
    </row>
    <row r="397" spans="1:3" ht="15" x14ac:dyDescent="0.2">
      <c r="A397" s="6">
        <v>2</v>
      </c>
      <c r="B397" s="4" t="s">
        <v>358</v>
      </c>
      <c r="C397" s="4" t="s">
        <v>331</v>
      </c>
    </row>
    <row r="398" spans="1:3" ht="15" x14ac:dyDescent="0.2">
      <c r="A398" s="6"/>
      <c r="B398" s="4" t="s">
        <v>359</v>
      </c>
      <c r="C398" s="4"/>
    </row>
    <row r="399" spans="1:3" ht="15" x14ac:dyDescent="0.2">
      <c r="A399" s="6"/>
      <c r="B399" s="4" t="s">
        <v>360</v>
      </c>
      <c r="C399" s="4"/>
    </row>
    <row r="400" spans="1:3" ht="15" x14ac:dyDescent="0.2">
      <c r="A400" s="6"/>
      <c r="B400" s="4" t="s">
        <v>361</v>
      </c>
      <c r="C400" s="4"/>
    </row>
    <row r="401" spans="1:3" ht="15" x14ac:dyDescent="0.2">
      <c r="A401" s="6"/>
      <c r="B401" s="4"/>
      <c r="C401" s="4"/>
    </row>
    <row r="402" spans="1:3" ht="15" x14ac:dyDescent="0.2">
      <c r="A402" s="6">
        <v>3</v>
      </c>
      <c r="B402" s="4" t="s">
        <v>362</v>
      </c>
      <c r="C402" s="4" t="s">
        <v>156</v>
      </c>
    </row>
    <row r="403" spans="1:3" ht="15" x14ac:dyDescent="0.2">
      <c r="A403" s="6"/>
      <c r="B403" s="4" t="s">
        <v>363</v>
      </c>
      <c r="C403" s="4"/>
    </row>
    <row r="404" spans="1:3" ht="15" x14ac:dyDescent="0.2">
      <c r="A404" s="6"/>
      <c r="B404" s="4" t="s">
        <v>364</v>
      </c>
      <c r="C404" s="4"/>
    </row>
    <row r="405" spans="1:3" ht="15" x14ac:dyDescent="0.2">
      <c r="A405" s="6"/>
      <c r="B405" s="4" t="s">
        <v>365</v>
      </c>
      <c r="C405" s="4"/>
    </row>
    <row r="406" spans="1:3" ht="15" x14ac:dyDescent="0.2">
      <c r="A406" s="6"/>
      <c r="B406" s="4" t="s">
        <v>366</v>
      </c>
      <c r="C406" s="4"/>
    </row>
    <row r="407" spans="1:3" ht="15" x14ac:dyDescent="0.2">
      <c r="A407" s="6"/>
      <c r="B407" s="4"/>
      <c r="C407" s="4"/>
    </row>
    <row r="408" spans="1:3" ht="15" x14ac:dyDescent="0.2">
      <c r="A408" s="6">
        <v>4</v>
      </c>
      <c r="B408" s="4" t="s">
        <v>367</v>
      </c>
      <c r="C408" s="4" t="s">
        <v>394</v>
      </c>
    </row>
    <row r="409" spans="1:3" ht="15" x14ac:dyDescent="0.2">
      <c r="A409" s="6"/>
      <c r="B409" s="4" t="s">
        <v>368</v>
      </c>
      <c r="C409" s="4"/>
    </row>
    <row r="410" spans="1:3" ht="15" x14ac:dyDescent="0.2">
      <c r="A410" s="6"/>
      <c r="B410" s="4" t="s">
        <v>369</v>
      </c>
      <c r="C410" s="4"/>
    </row>
    <row r="411" spans="1:3" ht="15" x14ac:dyDescent="0.2">
      <c r="A411" s="6"/>
      <c r="B411" s="4" t="s">
        <v>370</v>
      </c>
      <c r="C411" s="4"/>
    </row>
    <row r="412" spans="1:3" ht="15" x14ac:dyDescent="0.2">
      <c r="A412" s="6"/>
      <c r="B412" s="4"/>
      <c r="C412" s="4"/>
    </row>
    <row r="413" spans="1:3" ht="15" x14ac:dyDescent="0.2">
      <c r="A413" s="6">
        <v>5</v>
      </c>
      <c r="B413" s="4" t="s">
        <v>371</v>
      </c>
      <c r="C413" s="4" t="s">
        <v>395</v>
      </c>
    </row>
    <row r="414" spans="1:3" ht="15" x14ac:dyDescent="0.2">
      <c r="A414" s="6"/>
      <c r="B414" s="4" t="s">
        <v>372</v>
      </c>
      <c r="C414" s="4"/>
    </row>
    <row r="415" spans="1:3" ht="15" x14ac:dyDescent="0.2">
      <c r="A415" s="6"/>
      <c r="B415" s="4" t="s">
        <v>373</v>
      </c>
      <c r="C415" s="4"/>
    </row>
    <row r="416" spans="1:3" ht="15" x14ac:dyDescent="0.2">
      <c r="A416" s="6"/>
      <c r="B416" s="4" t="s">
        <v>374</v>
      </c>
      <c r="C416" s="4"/>
    </row>
    <row r="417" spans="1:3" ht="15" x14ac:dyDescent="0.2">
      <c r="A417" s="6"/>
      <c r="B417" s="4"/>
      <c r="C417" s="4"/>
    </row>
    <row r="418" spans="1:3" ht="15" x14ac:dyDescent="0.2">
      <c r="A418" s="6">
        <v>6</v>
      </c>
      <c r="B418" s="4" t="s">
        <v>376</v>
      </c>
      <c r="C418" s="4" t="s">
        <v>375</v>
      </c>
    </row>
    <row r="419" spans="1:3" ht="15" x14ac:dyDescent="0.2">
      <c r="A419" s="6"/>
      <c r="B419" s="4" t="s">
        <v>377</v>
      </c>
      <c r="C419" s="4"/>
    </row>
    <row r="420" spans="1:3" ht="15" x14ac:dyDescent="0.2">
      <c r="A420" s="6"/>
      <c r="B420" s="4" t="s">
        <v>379</v>
      </c>
      <c r="C420" s="4"/>
    </row>
    <row r="421" spans="1:3" ht="15" x14ac:dyDescent="0.2">
      <c r="A421" s="6"/>
      <c r="B421" s="4" t="s">
        <v>378</v>
      </c>
      <c r="C421" s="4"/>
    </row>
    <row r="422" spans="1:3" ht="15" x14ac:dyDescent="0.2">
      <c r="A422" s="6"/>
      <c r="B422" s="4"/>
      <c r="C422" s="4"/>
    </row>
    <row r="423" spans="1:3" ht="15" x14ac:dyDescent="0.2">
      <c r="A423" s="6">
        <v>7</v>
      </c>
      <c r="B423" s="4" t="s">
        <v>380</v>
      </c>
      <c r="C423" s="4" t="s">
        <v>381</v>
      </c>
    </row>
    <row r="424" spans="1:3" ht="15" x14ac:dyDescent="0.2">
      <c r="A424" s="6"/>
      <c r="B424" s="4" t="s">
        <v>382</v>
      </c>
      <c r="C424" s="4"/>
    </row>
    <row r="425" spans="1:3" ht="15" x14ac:dyDescent="0.2">
      <c r="A425" s="6"/>
      <c r="B425" s="4" t="s">
        <v>383</v>
      </c>
      <c r="C425" s="4"/>
    </row>
    <row r="426" spans="1:3" ht="15" x14ac:dyDescent="0.2">
      <c r="A426" s="6"/>
      <c r="B426" s="4" t="s">
        <v>384</v>
      </c>
      <c r="C426" s="4"/>
    </row>
    <row r="427" spans="1:3" ht="15" x14ac:dyDescent="0.2">
      <c r="A427" s="6"/>
      <c r="B427" s="4"/>
      <c r="C427" s="4"/>
    </row>
    <row r="428" spans="1:3" ht="15" x14ac:dyDescent="0.2">
      <c r="A428" s="6">
        <v>8</v>
      </c>
      <c r="B428" s="4" t="s">
        <v>385</v>
      </c>
      <c r="C428" s="4" t="s">
        <v>386</v>
      </c>
    </row>
    <row r="429" spans="1:3" ht="15" x14ac:dyDescent="0.2">
      <c r="A429" s="6"/>
      <c r="B429" s="4" t="s">
        <v>387</v>
      </c>
      <c r="C429" s="4"/>
    </row>
    <row r="430" spans="1:3" ht="15" x14ac:dyDescent="0.2">
      <c r="A430" s="6"/>
      <c r="B430" s="4" t="s">
        <v>388</v>
      </c>
      <c r="C430" s="4"/>
    </row>
    <row r="431" spans="1:3" ht="15" x14ac:dyDescent="0.2">
      <c r="A431" s="6"/>
      <c r="B431" s="4" t="s">
        <v>389</v>
      </c>
      <c r="C431" s="4"/>
    </row>
    <row r="432" spans="1:3" ht="15" x14ac:dyDescent="0.2">
      <c r="A432" s="6"/>
      <c r="B432" s="4"/>
      <c r="C432" s="4"/>
    </row>
    <row r="433" spans="1:3" ht="15" x14ac:dyDescent="0.2">
      <c r="A433" s="6">
        <v>9</v>
      </c>
      <c r="B433" s="4" t="s">
        <v>390</v>
      </c>
      <c r="C433" s="4" t="s">
        <v>319</v>
      </c>
    </row>
    <row r="434" spans="1:3" ht="15" x14ac:dyDescent="0.2">
      <c r="A434" s="6"/>
      <c r="B434" s="4" t="s">
        <v>391</v>
      </c>
      <c r="C434" s="4"/>
    </row>
    <row r="435" spans="1:3" ht="15" x14ac:dyDescent="0.2">
      <c r="A435" s="6"/>
      <c r="B435" s="4" t="s">
        <v>392</v>
      </c>
      <c r="C435" s="4"/>
    </row>
    <row r="436" spans="1:3" ht="15" x14ac:dyDescent="0.2">
      <c r="A436" s="6"/>
      <c r="B436" s="4" t="s">
        <v>393</v>
      </c>
      <c r="C436" s="4"/>
    </row>
    <row r="439" spans="1:3" ht="18" x14ac:dyDescent="0.25">
      <c r="A439" s="7" t="s">
        <v>396</v>
      </c>
    </row>
    <row r="441" spans="1:3" ht="15" x14ac:dyDescent="0.2">
      <c r="A441" s="4" t="s">
        <v>12</v>
      </c>
      <c r="B441" s="4" t="s">
        <v>13</v>
      </c>
      <c r="C441" s="4" t="s">
        <v>1</v>
      </c>
    </row>
    <row r="442" spans="1:3" ht="15" x14ac:dyDescent="0.2">
      <c r="A442" s="4"/>
      <c r="B442" s="4"/>
      <c r="C442" s="4"/>
    </row>
    <row r="443" spans="1:3" ht="15" x14ac:dyDescent="0.2">
      <c r="A443" s="6">
        <v>1</v>
      </c>
      <c r="B443" s="4" t="s">
        <v>397</v>
      </c>
      <c r="C443" s="4" t="s">
        <v>50</v>
      </c>
    </row>
    <row r="444" spans="1:3" ht="15" x14ac:dyDescent="0.2">
      <c r="A444" s="6">
        <v>2</v>
      </c>
      <c r="B444" s="4" t="s">
        <v>398</v>
      </c>
      <c r="C444" s="4" t="s">
        <v>399</v>
      </c>
    </row>
    <row r="445" spans="1:3" ht="15" x14ac:dyDescent="0.2">
      <c r="A445" s="6">
        <v>3</v>
      </c>
      <c r="B445" s="4" t="s">
        <v>400</v>
      </c>
      <c r="C445" s="4" t="s">
        <v>114</v>
      </c>
    </row>
    <row r="446" spans="1:3" ht="15" x14ac:dyDescent="0.2">
      <c r="A446" s="6">
        <v>4</v>
      </c>
      <c r="B446" s="4" t="s">
        <v>401</v>
      </c>
      <c r="C446" s="4" t="s">
        <v>399</v>
      </c>
    </row>
    <row r="447" spans="1:3" ht="15" x14ac:dyDescent="0.2">
      <c r="A447" s="6">
        <v>5</v>
      </c>
      <c r="B447" s="4" t="s">
        <v>402</v>
      </c>
      <c r="C447" s="4" t="s">
        <v>127</v>
      </c>
    </row>
    <row r="448" spans="1:3" ht="15" x14ac:dyDescent="0.2">
      <c r="A448" s="6">
        <v>6</v>
      </c>
      <c r="B448" s="4" t="s">
        <v>403</v>
      </c>
      <c r="C448" s="4" t="s">
        <v>19</v>
      </c>
    </row>
    <row r="449" spans="1:3" ht="15" x14ac:dyDescent="0.2">
      <c r="A449" s="6">
        <v>7</v>
      </c>
      <c r="B449" s="4" t="s">
        <v>404</v>
      </c>
      <c r="C449" s="4" t="s">
        <v>156</v>
      </c>
    </row>
    <row r="450" spans="1:3" ht="15" x14ac:dyDescent="0.2">
      <c r="A450" s="6">
        <v>8</v>
      </c>
      <c r="B450" s="4" t="s">
        <v>405</v>
      </c>
      <c r="C450" s="4" t="s">
        <v>278</v>
      </c>
    </row>
    <row r="451" spans="1:3" ht="15" x14ac:dyDescent="0.2">
      <c r="A451" s="6">
        <v>9</v>
      </c>
      <c r="B451" s="4" t="s">
        <v>406</v>
      </c>
      <c r="C451" s="4" t="s">
        <v>19</v>
      </c>
    </row>
    <row r="452" spans="1:3" ht="15" x14ac:dyDescent="0.2">
      <c r="A452" s="6">
        <v>10</v>
      </c>
      <c r="B452" s="4" t="s">
        <v>407</v>
      </c>
      <c r="C452" s="4" t="s">
        <v>70</v>
      </c>
    </row>
    <row r="455" spans="1:3" ht="18" x14ac:dyDescent="0.25">
      <c r="A455" s="7" t="s">
        <v>408</v>
      </c>
    </row>
    <row r="457" spans="1:3" ht="15" x14ac:dyDescent="0.2">
      <c r="A457" s="4" t="s">
        <v>12</v>
      </c>
      <c r="B457" s="4" t="s">
        <v>13</v>
      </c>
      <c r="C457" s="4" t="s">
        <v>1</v>
      </c>
    </row>
    <row r="458" spans="1:3" ht="15" x14ac:dyDescent="0.2">
      <c r="A458" s="4"/>
      <c r="B458" s="4"/>
      <c r="C458" s="4"/>
    </row>
    <row r="459" spans="1:3" ht="15" x14ac:dyDescent="0.2">
      <c r="A459" s="6">
        <v>1</v>
      </c>
      <c r="B459" s="4" t="s">
        <v>409</v>
      </c>
      <c r="C459" s="4" t="s">
        <v>116</v>
      </c>
    </row>
    <row r="460" spans="1:3" ht="15" x14ac:dyDescent="0.2">
      <c r="A460" s="6">
        <v>2</v>
      </c>
      <c r="B460" s="4" t="s">
        <v>410</v>
      </c>
      <c r="C460" s="4" t="s">
        <v>265</v>
      </c>
    </row>
    <row r="461" spans="1:3" ht="15" x14ac:dyDescent="0.2">
      <c r="A461" s="6">
        <v>3</v>
      </c>
      <c r="B461" s="4" t="s">
        <v>411</v>
      </c>
      <c r="C461" s="4" t="s">
        <v>278</v>
      </c>
    </row>
    <row r="462" spans="1:3" ht="15" x14ac:dyDescent="0.2">
      <c r="A462" s="6">
        <v>4</v>
      </c>
      <c r="B462" s="4" t="s">
        <v>412</v>
      </c>
      <c r="C462" s="4" t="s">
        <v>116</v>
      </c>
    </row>
    <row r="463" spans="1:3" ht="15" x14ac:dyDescent="0.2">
      <c r="A463" s="6">
        <v>5</v>
      </c>
      <c r="B463" s="4" t="s">
        <v>413</v>
      </c>
      <c r="C463" s="4" t="s">
        <v>198</v>
      </c>
    </row>
    <row r="464" spans="1:3" ht="15" x14ac:dyDescent="0.2">
      <c r="A464" s="6">
        <v>6</v>
      </c>
      <c r="B464" s="4" t="s">
        <v>414</v>
      </c>
      <c r="C464" s="4" t="s">
        <v>415</v>
      </c>
    </row>
    <row r="465" spans="1:3" ht="15" x14ac:dyDescent="0.2">
      <c r="A465" s="6">
        <v>7</v>
      </c>
      <c r="B465" s="4" t="s">
        <v>416</v>
      </c>
      <c r="C465" s="4" t="s">
        <v>55</v>
      </c>
    </row>
    <row r="466" spans="1:3" ht="15" x14ac:dyDescent="0.2">
      <c r="A466" s="6">
        <v>8</v>
      </c>
      <c r="B466" s="4" t="s">
        <v>417</v>
      </c>
      <c r="C466" s="4" t="s">
        <v>15</v>
      </c>
    </row>
    <row r="467" spans="1:3" ht="15" x14ac:dyDescent="0.2">
      <c r="A467" s="6">
        <v>9</v>
      </c>
      <c r="B467" s="4" t="s">
        <v>418</v>
      </c>
      <c r="C467" s="4" t="s">
        <v>156</v>
      </c>
    </row>
    <row r="468" spans="1:3" ht="15" x14ac:dyDescent="0.2">
      <c r="A468" s="6">
        <v>10</v>
      </c>
      <c r="B468" s="4" t="s">
        <v>419</v>
      </c>
      <c r="C468" s="4" t="s">
        <v>420</v>
      </c>
    </row>
    <row r="469" spans="1:3" ht="15" x14ac:dyDescent="0.2">
      <c r="A469" s="4"/>
      <c r="B469" s="4"/>
      <c r="C469" s="4"/>
    </row>
    <row r="472" spans="1:3" ht="18" x14ac:dyDescent="0.25">
      <c r="A472" s="7" t="s">
        <v>421</v>
      </c>
    </row>
    <row r="474" spans="1:3" ht="15" x14ac:dyDescent="0.2">
      <c r="A474" s="6">
        <v>1</v>
      </c>
      <c r="B474" t="s">
        <v>422</v>
      </c>
      <c r="C474" t="s">
        <v>87</v>
      </c>
    </row>
    <row r="475" spans="1:3" ht="15" x14ac:dyDescent="0.2">
      <c r="A475" s="6"/>
      <c r="B475" t="s">
        <v>423</v>
      </c>
    </row>
    <row r="476" spans="1:3" ht="15" x14ac:dyDescent="0.2">
      <c r="A476" s="6"/>
      <c r="B476" t="s">
        <v>424</v>
      </c>
    </row>
    <row r="477" spans="1:3" ht="15" x14ac:dyDescent="0.2">
      <c r="A477" s="6"/>
    </row>
    <row r="478" spans="1:3" ht="15" x14ac:dyDescent="0.2">
      <c r="A478" s="6">
        <v>2</v>
      </c>
      <c r="B478" t="s">
        <v>425</v>
      </c>
      <c r="C478" t="s">
        <v>118</v>
      </c>
    </row>
    <row r="479" spans="1:3" ht="15" x14ac:dyDescent="0.2">
      <c r="A479" s="6"/>
      <c r="B479" t="s">
        <v>426</v>
      </c>
    </row>
    <row r="480" spans="1:3" ht="15" x14ac:dyDescent="0.2">
      <c r="A480" s="6"/>
      <c r="B480" t="s">
        <v>427</v>
      </c>
    </row>
    <row r="481" spans="1:3" ht="15" x14ac:dyDescent="0.2">
      <c r="A481" s="6"/>
    </row>
    <row r="482" spans="1:3" ht="15" x14ac:dyDescent="0.2">
      <c r="A482" s="6">
        <v>3</v>
      </c>
      <c r="B482" t="s">
        <v>428</v>
      </c>
      <c r="C482" t="s">
        <v>116</v>
      </c>
    </row>
    <row r="483" spans="1:3" ht="15" x14ac:dyDescent="0.2">
      <c r="A483" s="6"/>
      <c r="B483" t="s">
        <v>429</v>
      </c>
    </row>
    <row r="484" spans="1:3" ht="15" x14ac:dyDescent="0.2">
      <c r="A484" s="6"/>
      <c r="B484" t="s">
        <v>430</v>
      </c>
    </row>
    <row r="485" spans="1:3" ht="15" x14ac:dyDescent="0.2">
      <c r="A485" s="6"/>
    </row>
    <row r="486" spans="1:3" ht="15" x14ac:dyDescent="0.2">
      <c r="A486" s="6">
        <v>4</v>
      </c>
      <c r="B486" t="s">
        <v>431</v>
      </c>
      <c r="C486" t="s">
        <v>432</v>
      </c>
    </row>
    <row r="487" spans="1:3" ht="15" x14ac:dyDescent="0.2">
      <c r="A487" s="6"/>
      <c r="B487" t="s">
        <v>433</v>
      </c>
    </row>
    <row r="488" spans="1:3" ht="15" x14ac:dyDescent="0.2">
      <c r="A488" s="6"/>
      <c r="B488" t="s">
        <v>434</v>
      </c>
    </row>
    <row r="489" spans="1:3" ht="15" x14ac:dyDescent="0.2">
      <c r="A489" s="6"/>
    </row>
    <row r="490" spans="1:3" ht="15" x14ac:dyDescent="0.2">
      <c r="A490" s="6">
        <v>5</v>
      </c>
      <c r="B490" t="s">
        <v>435</v>
      </c>
      <c r="C490" t="s">
        <v>116</v>
      </c>
    </row>
    <row r="491" spans="1:3" ht="15" x14ac:dyDescent="0.2">
      <c r="A491" s="6"/>
      <c r="B491" t="s">
        <v>436</v>
      </c>
    </row>
    <row r="492" spans="1:3" ht="15" x14ac:dyDescent="0.2">
      <c r="A492" s="6"/>
      <c r="B492" t="s">
        <v>437</v>
      </c>
    </row>
    <row r="493" spans="1:3" ht="15" x14ac:dyDescent="0.2">
      <c r="A493" s="6"/>
    </row>
    <row r="494" spans="1:3" ht="15" x14ac:dyDescent="0.2">
      <c r="A494" s="6">
        <v>6</v>
      </c>
      <c r="B494" t="s">
        <v>438</v>
      </c>
      <c r="C494" t="s">
        <v>271</v>
      </c>
    </row>
    <row r="495" spans="1:3" ht="15" x14ac:dyDescent="0.2">
      <c r="A495" s="6"/>
      <c r="B495" t="s">
        <v>439</v>
      </c>
    </row>
    <row r="496" spans="1:3" ht="15" x14ac:dyDescent="0.2">
      <c r="A496" s="6"/>
      <c r="B496" t="s">
        <v>440</v>
      </c>
    </row>
    <row r="497" spans="1:3" ht="15" x14ac:dyDescent="0.2">
      <c r="A497" s="6"/>
    </row>
    <row r="498" spans="1:3" ht="15" x14ac:dyDescent="0.2">
      <c r="A498" s="6">
        <v>7</v>
      </c>
      <c r="B498" t="s">
        <v>441</v>
      </c>
      <c r="C498" t="s">
        <v>234</v>
      </c>
    </row>
    <row r="499" spans="1:3" ht="15" x14ac:dyDescent="0.2">
      <c r="A499" s="6"/>
      <c r="B499" t="s">
        <v>442</v>
      </c>
    </row>
    <row r="500" spans="1:3" ht="15" x14ac:dyDescent="0.2">
      <c r="A500" s="6"/>
      <c r="B500" t="s">
        <v>443</v>
      </c>
    </row>
    <row r="501" spans="1:3" ht="15" x14ac:dyDescent="0.2">
      <c r="A501" s="6"/>
    </row>
    <row r="502" spans="1:3" ht="15" x14ac:dyDescent="0.2">
      <c r="A502" s="6">
        <v>8</v>
      </c>
      <c r="B502" t="s">
        <v>444</v>
      </c>
      <c r="C502" t="s">
        <v>177</v>
      </c>
    </row>
    <row r="503" spans="1:3" ht="15" x14ac:dyDescent="0.2">
      <c r="A503" s="6"/>
      <c r="B503" t="s">
        <v>445</v>
      </c>
    </row>
    <row r="504" spans="1:3" ht="15" x14ac:dyDescent="0.2">
      <c r="A504" s="6"/>
      <c r="B504" t="s">
        <v>446</v>
      </c>
    </row>
    <row r="505" spans="1:3" ht="15" x14ac:dyDescent="0.2">
      <c r="A505" s="6"/>
    </row>
    <row r="506" spans="1:3" ht="15" x14ac:dyDescent="0.2">
      <c r="A506" s="6">
        <v>9</v>
      </c>
      <c r="B506" t="s">
        <v>447</v>
      </c>
      <c r="C506" t="s">
        <v>448</v>
      </c>
    </row>
    <row r="507" spans="1:3" ht="15" x14ac:dyDescent="0.2">
      <c r="A507" s="6"/>
      <c r="B507" t="s">
        <v>449</v>
      </c>
    </row>
    <row r="508" spans="1:3" ht="15" x14ac:dyDescent="0.2">
      <c r="A508" s="6"/>
      <c r="B508" t="s">
        <v>450</v>
      </c>
    </row>
    <row r="511" spans="1:3" ht="18" x14ac:dyDescent="0.25">
      <c r="A511" s="7" t="s">
        <v>451</v>
      </c>
    </row>
    <row r="513" spans="1:3" ht="15" x14ac:dyDescent="0.2">
      <c r="A513" s="4" t="s">
        <v>12</v>
      </c>
      <c r="B513" s="4" t="s">
        <v>13</v>
      </c>
      <c r="C513" s="4" t="s">
        <v>1</v>
      </c>
    </row>
    <row r="514" spans="1:3" ht="15" x14ac:dyDescent="0.2">
      <c r="A514" s="4"/>
      <c r="B514" s="4"/>
      <c r="C514" s="4"/>
    </row>
    <row r="515" spans="1:3" ht="15" x14ac:dyDescent="0.2">
      <c r="A515" s="6">
        <v>1</v>
      </c>
      <c r="B515" s="4" t="s">
        <v>452</v>
      </c>
      <c r="C515" s="4" t="s">
        <v>15</v>
      </c>
    </row>
    <row r="516" spans="1:3" ht="15" x14ac:dyDescent="0.2">
      <c r="A516" s="6"/>
      <c r="B516" s="4" t="s">
        <v>453</v>
      </c>
      <c r="C516" s="4"/>
    </row>
    <row r="517" spans="1:3" ht="15" x14ac:dyDescent="0.2">
      <c r="A517" s="6"/>
      <c r="B517" s="4" t="s">
        <v>454</v>
      </c>
      <c r="C517" s="4"/>
    </row>
    <row r="518" spans="1:3" ht="15" x14ac:dyDescent="0.2">
      <c r="A518" s="6"/>
      <c r="B518" s="4"/>
      <c r="C518" s="4"/>
    </row>
    <row r="519" spans="1:3" ht="15" x14ac:dyDescent="0.2">
      <c r="A519" s="6">
        <v>2</v>
      </c>
      <c r="B519" s="4" t="s">
        <v>455</v>
      </c>
      <c r="C519" s="4" t="s">
        <v>152</v>
      </c>
    </row>
    <row r="520" spans="1:3" ht="15" x14ac:dyDescent="0.2">
      <c r="A520" s="6"/>
      <c r="B520" s="4" t="s">
        <v>456</v>
      </c>
      <c r="C520" s="4"/>
    </row>
    <row r="521" spans="1:3" ht="15" x14ac:dyDescent="0.2">
      <c r="A521" s="6"/>
      <c r="B521" s="4"/>
      <c r="C521" s="4"/>
    </row>
    <row r="522" spans="1:3" ht="15" x14ac:dyDescent="0.2">
      <c r="A522" s="6">
        <v>3</v>
      </c>
      <c r="B522" s="4" t="s">
        <v>457</v>
      </c>
      <c r="C522" s="4" t="s">
        <v>175</v>
      </c>
    </row>
    <row r="523" spans="1:3" ht="15" x14ac:dyDescent="0.2">
      <c r="A523" s="6"/>
      <c r="B523" s="4" t="s">
        <v>458</v>
      </c>
      <c r="C523" s="4"/>
    </row>
    <row r="524" spans="1:3" ht="15" x14ac:dyDescent="0.2">
      <c r="A524" s="6"/>
      <c r="B524" s="4"/>
      <c r="C524" s="4"/>
    </row>
    <row r="525" spans="1:3" ht="15" x14ac:dyDescent="0.2">
      <c r="A525" s="6">
        <v>4</v>
      </c>
      <c r="B525" s="4" t="s">
        <v>459</v>
      </c>
      <c r="C525" s="4" t="s">
        <v>460</v>
      </c>
    </row>
    <row r="526" spans="1:3" ht="15" x14ac:dyDescent="0.2">
      <c r="A526" s="6"/>
      <c r="B526" s="4" t="s">
        <v>461</v>
      </c>
      <c r="C526" s="4"/>
    </row>
    <row r="527" spans="1:3" ht="15" x14ac:dyDescent="0.2">
      <c r="A527" s="6"/>
      <c r="B527" s="4" t="s">
        <v>462</v>
      </c>
      <c r="C527" s="4"/>
    </row>
    <row r="528" spans="1:3" ht="15" x14ac:dyDescent="0.2">
      <c r="A528" s="6"/>
      <c r="B528" s="4"/>
      <c r="C528" s="4"/>
    </row>
    <row r="529" spans="1:3" ht="15" x14ac:dyDescent="0.2">
      <c r="A529" s="6">
        <v>5</v>
      </c>
      <c r="B529" s="4" t="s">
        <v>463</v>
      </c>
      <c r="C529" s="4" t="s">
        <v>464</v>
      </c>
    </row>
    <row r="530" spans="1:3" ht="15" x14ac:dyDescent="0.2">
      <c r="A530" s="6"/>
      <c r="B530" s="4" t="s">
        <v>465</v>
      </c>
      <c r="C530" s="4"/>
    </row>
    <row r="531" spans="1:3" ht="15" x14ac:dyDescent="0.2">
      <c r="A531" s="6"/>
      <c r="B531" s="4"/>
      <c r="C531" s="4"/>
    </row>
    <row r="532" spans="1:3" ht="15" x14ac:dyDescent="0.2">
      <c r="A532" s="6">
        <v>6</v>
      </c>
      <c r="B532" s="4" t="s">
        <v>466</v>
      </c>
      <c r="C532" s="4" t="s">
        <v>467</v>
      </c>
    </row>
    <row r="533" spans="1:3" ht="15" x14ac:dyDescent="0.2">
      <c r="A533" s="6"/>
      <c r="B533" s="4" t="s">
        <v>468</v>
      </c>
      <c r="C533" s="4"/>
    </row>
    <row r="534" spans="1:3" ht="15" x14ac:dyDescent="0.2">
      <c r="A534" s="6"/>
      <c r="B534" s="4"/>
      <c r="C534" s="4"/>
    </row>
    <row r="535" spans="1:3" ht="15" x14ac:dyDescent="0.2">
      <c r="A535" s="6">
        <v>7</v>
      </c>
      <c r="B535" s="4" t="s">
        <v>469</v>
      </c>
      <c r="C535" s="4" t="s">
        <v>334</v>
      </c>
    </row>
    <row r="536" spans="1:3" ht="15" x14ac:dyDescent="0.2">
      <c r="A536" s="6"/>
      <c r="B536" s="4" t="s">
        <v>470</v>
      </c>
      <c r="C536" s="4"/>
    </row>
    <row r="537" spans="1:3" ht="15" x14ac:dyDescent="0.2">
      <c r="A537" s="6"/>
      <c r="B537" s="4"/>
      <c r="C537" s="4"/>
    </row>
    <row r="538" spans="1:3" ht="15" x14ac:dyDescent="0.2">
      <c r="A538" s="6">
        <v>8</v>
      </c>
      <c r="B538" s="4" t="s">
        <v>471</v>
      </c>
      <c r="C538" s="4" t="s">
        <v>70</v>
      </c>
    </row>
    <row r="539" spans="1:3" ht="15" x14ac:dyDescent="0.2">
      <c r="A539" s="6"/>
      <c r="B539" s="4" t="s">
        <v>472</v>
      </c>
      <c r="C539" s="4"/>
    </row>
    <row r="540" spans="1:3" ht="15" x14ac:dyDescent="0.2">
      <c r="A540" s="6"/>
      <c r="B540" s="4"/>
      <c r="C540" s="4"/>
    </row>
    <row r="541" spans="1:3" ht="15" x14ac:dyDescent="0.2">
      <c r="A541" s="6">
        <v>9</v>
      </c>
      <c r="B541" s="4" t="s">
        <v>473</v>
      </c>
      <c r="C541" s="4" t="s">
        <v>317</v>
      </c>
    </row>
    <row r="542" spans="1:3" ht="15" x14ac:dyDescent="0.2">
      <c r="A542" s="6"/>
      <c r="B542" s="4" t="s">
        <v>474</v>
      </c>
      <c r="C542" s="4"/>
    </row>
    <row r="543" spans="1:3" ht="15" x14ac:dyDescent="0.2">
      <c r="A543" s="6"/>
      <c r="B543" s="4"/>
      <c r="C543" s="4"/>
    </row>
    <row r="544" spans="1:3" ht="15" x14ac:dyDescent="0.2">
      <c r="A544" s="6">
        <v>10</v>
      </c>
      <c r="B544" s="4" t="s">
        <v>475</v>
      </c>
      <c r="C544" s="4" t="s">
        <v>476</v>
      </c>
    </row>
    <row r="545" spans="1:3" ht="15" x14ac:dyDescent="0.2">
      <c r="A545" s="6"/>
      <c r="B545" s="4" t="s">
        <v>477</v>
      </c>
      <c r="C545" s="4"/>
    </row>
    <row r="546" spans="1:3" ht="15" x14ac:dyDescent="0.2">
      <c r="A546" s="6"/>
      <c r="B546" s="4" t="s">
        <v>478</v>
      </c>
      <c r="C546" s="4"/>
    </row>
    <row r="547" spans="1:3" ht="15" x14ac:dyDescent="0.2">
      <c r="A547" s="4"/>
      <c r="B547" s="4"/>
      <c r="C547" s="4"/>
    </row>
    <row r="548" spans="1:3" ht="15" x14ac:dyDescent="0.2">
      <c r="A548" s="4"/>
      <c r="B548" s="4"/>
      <c r="C548" s="4"/>
    </row>
    <row r="549" spans="1:3" ht="18" x14ac:dyDescent="0.25">
      <c r="A549" s="7" t="s">
        <v>479</v>
      </c>
      <c r="B549" s="7"/>
    </row>
    <row r="551" spans="1:3" ht="15" x14ac:dyDescent="0.2">
      <c r="A551" s="4" t="s">
        <v>12</v>
      </c>
      <c r="B551" s="4" t="s">
        <v>1</v>
      </c>
    </row>
    <row r="552" spans="1:3" ht="15" x14ac:dyDescent="0.2">
      <c r="A552" s="4"/>
      <c r="B552" s="4"/>
    </row>
    <row r="553" spans="1:3" ht="15" x14ac:dyDescent="0.2">
      <c r="A553" s="6">
        <v>1</v>
      </c>
      <c r="B553" s="4" t="s">
        <v>52</v>
      </c>
    </row>
    <row r="554" spans="1:3" ht="15" x14ac:dyDescent="0.2">
      <c r="A554" s="6">
        <v>2</v>
      </c>
      <c r="B554" s="4" t="s">
        <v>19</v>
      </c>
    </row>
    <row r="555" spans="1:3" ht="15" x14ac:dyDescent="0.2">
      <c r="A555" s="6">
        <v>3</v>
      </c>
      <c r="B555" s="4" t="s">
        <v>220</v>
      </c>
    </row>
    <row r="556" spans="1:3" ht="15" x14ac:dyDescent="0.2">
      <c r="A556" s="6">
        <v>4</v>
      </c>
      <c r="B556" s="4" t="s">
        <v>118</v>
      </c>
    </row>
    <row r="557" spans="1:3" ht="15" x14ac:dyDescent="0.2">
      <c r="A557" s="6">
        <v>5</v>
      </c>
      <c r="B557" s="4" t="s">
        <v>63</v>
      </c>
    </row>
    <row r="558" spans="1:3" ht="15" x14ac:dyDescent="0.2">
      <c r="A558" s="6">
        <v>6</v>
      </c>
      <c r="B558" s="4" t="s">
        <v>41</v>
      </c>
    </row>
    <row r="559" spans="1:3" ht="15" x14ac:dyDescent="0.2">
      <c r="A559" s="6">
        <v>7</v>
      </c>
      <c r="B559" s="4" t="s">
        <v>275</v>
      </c>
    </row>
    <row r="560" spans="1:3" ht="15" x14ac:dyDescent="0.2">
      <c r="A560" s="6">
        <v>8</v>
      </c>
      <c r="B560" s="4" t="s">
        <v>480</v>
      </c>
    </row>
    <row r="563" spans="1:3" ht="18" x14ac:dyDescent="0.25">
      <c r="A563" s="7" t="s">
        <v>481</v>
      </c>
    </row>
    <row r="565" spans="1:3" ht="15" x14ac:dyDescent="0.2">
      <c r="A565" s="4" t="s">
        <v>12</v>
      </c>
      <c r="B565" s="4" t="s">
        <v>13</v>
      </c>
      <c r="C565" s="4" t="s">
        <v>1</v>
      </c>
    </row>
    <row r="566" spans="1:3" ht="15" x14ac:dyDescent="0.2">
      <c r="A566" s="4"/>
      <c r="B566" s="4"/>
      <c r="C566" s="4"/>
    </row>
    <row r="567" spans="1:3" ht="15" x14ac:dyDescent="0.2">
      <c r="A567" s="6">
        <v>1</v>
      </c>
      <c r="B567" s="4" t="s">
        <v>482</v>
      </c>
      <c r="C567" s="4" t="s">
        <v>203</v>
      </c>
    </row>
    <row r="568" spans="1:3" ht="15" x14ac:dyDescent="0.2">
      <c r="A568" s="6">
        <v>2</v>
      </c>
      <c r="B568" s="4" t="s">
        <v>483</v>
      </c>
      <c r="C568" s="4" t="s">
        <v>484</v>
      </c>
    </row>
    <row r="569" spans="1:3" ht="15" x14ac:dyDescent="0.2">
      <c r="A569" s="6">
        <v>3</v>
      </c>
      <c r="B569" s="4" t="s">
        <v>485</v>
      </c>
      <c r="C569" s="4" t="s">
        <v>127</v>
      </c>
    </row>
    <row r="570" spans="1:3" ht="15" x14ac:dyDescent="0.2">
      <c r="A570" s="6">
        <v>4</v>
      </c>
      <c r="B570" s="4" t="s">
        <v>486</v>
      </c>
      <c r="C570" s="4" t="s">
        <v>288</v>
      </c>
    </row>
    <row r="571" spans="1:3" ht="15" x14ac:dyDescent="0.2">
      <c r="A571" s="6">
        <v>5</v>
      </c>
      <c r="B571" s="4" t="s">
        <v>487</v>
      </c>
      <c r="C571" s="4" t="s">
        <v>67</v>
      </c>
    </row>
    <row r="572" spans="1:3" ht="15" x14ac:dyDescent="0.2">
      <c r="A572" s="6">
        <v>6</v>
      </c>
      <c r="B572" s="4" t="s">
        <v>488</v>
      </c>
      <c r="C572" s="4" t="s">
        <v>278</v>
      </c>
    </row>
    <row r="573" spans="1:3" ht="15" x14ac:dyDescent="0.2">
      <c r="A573" s="6">
        <v>7</v>
      </c>
      <c r="B573" s="4" t="s">
        <v>489</v>
      </c>
      <c r="C573" s="4" t="s">
        <v>278</v>
      </c>
    </row>
    <row r="574" spans="1:3" ht="15" x14ac:dyDescent="0.2">
      <c r="A574" s="6">
        <v>8</v>
      </c>
      <c r="B574" s="4" t="s">
        <v>490</v>
      </c>
      <c r="C574" s="4" t="s">
        <v>336</v>
      </c>
    </row>
    <row r="575" spans="1:3" ht="15" x14ac:dyDescent="0.2">
      <c r="A575" s="6">
        <v>9</v>
      </c>
      <c r="B575" s="4" t="s">
        <v>491</v>
      </c>
      <c r="C575" s="4" t="s">
        <v>156</v>
      </c>
    </row>
    <row r="576" spans="1:3" ht="15" x14ac:dyDescent="0.2">
      <c r="A576" s="6">
        <v>10</v>
      </c>
      <c r="B576" s="4" t="s">
        <v>492</v>
      </c>
      <c r="C576" s="4" t="s">
        <v>15</v>
      </c>
    </row>
    <row r="577" spans="1:3" ht="15" x14ac:dyDescent="0.2">
      <c r="A577" s="4"/>
      <c r="B577" s="4"/>
      <c r="C577" s="4"/>
    </row>
    <row r="578" spans="1:3" ht="15" x14ac:dyDescent="0.2">
      <c r="A578" s="4"/>
      <c r="B578" s="4"/>
      <c r="C578" s="4"/>
    </row>
    <row r="579" spans="1:3" ht="18" x14ac:dyDescent="0.25">
      <c r="A579" s="7" t="s">
        <v>493</v>
      </c>
    </row>
    <row r="581" spans="1:3" ht="15" x14ac:dyDescent="0.2">
      <c r="A581" s="4" t="s">
        <v>12</v>
      </c>
      <c r="B581" s="4" t="s">
        <v>13</v>
      </c>
      <c r="C581" s="4" t="s">
        <v>1</v>
      </c>
    </row>
    <row r="582" spans="1:3" ht="15" x14ac:dyDescent="0.2">
      <c r="A582" s="4"/>
      <c r="B582" s="4"/>
      <c r="C582" s="4"/>
    </row>
    <row r="583" spans="1:3" ht="15" x14ac:dyDescent="0.2">
      <c r="A583" s="6">
        <v>1</v>
      </c>
      <c r="B583" s="4" t="s">
        <v>494</v>
      </c>
      <c r="C583" s="4" t="s">
        <v>495</v>
      </c>
    </row>
    <row r="584" spans="1:3" ht="15" x14ac:dyDescent="0.2">
      <c r="A584" s="6">
        <v>2</v>
      </c>
      <c r="B584" s="4" t="s">
        <v>496</v>
      </c>
      <c r="C584" s="4" t="s">
        <v>497</v>
      </c>
    </row>
    <row r="585" spans="1:3" ht="15" x14ac:dyDescent="0.2">
      <c r="A585" s="6">
        <v>3</v>
      </c>
      <c r="B585" s="4" t="s">
        <v>498</v>
      </c>
      <c r="C585" s="4" t="s">
        <v>15</v>
      </c>
    </row>
    <row r="586" spans="1:3" ht="15" x14ac:dyDescent="0.2">
      <c r="A586" s="6">
        <v>4</v>
      </c>
      <c r="B586" s="4" t="s">
        <v>499</v>
      </c>
      <c r="C586" s="4" t="s">
        <v>500</v>
      </c>
    </row>
    <row r="587" spans="1:3" ht="15" x14ac:dyDescent="0.2">
      <c r="A587" s="6">
        <v>5</v>
      </c>
      <c r="B587" s="4" t="s">
        <v>501</v>
      </c>
      <c r="C587" s="4" t="s">
        <v>15</v>
      </c>
    </row>
    <row r="588" spans="1:3" ht="15" x14ac:dyDescent="0.2">
      <c r="A588" s="6">
        <v>6</v>
      </c>
      <c r="B588" s="4" t="s">
        <v>502</v>
      </c>
      <c r="C588" s="4" t="s">
        <v>503</v>
      </c>
    </row>
    <row r="589" spans="1:3" ht="15" x14ac:dyDescent="0.2">
      <c r="A589" s="6">
        <v>7</v>
      </c>
      <c r="B589" s="4" t="s">
        <v>504</v>
      </c>
      <c r="C589" s="4" t="s">
        <v>505</v>
      </c>
    </row>
    <row r="590" spans="1:3" ht="15" x14ac:dyDescent="0.2">
      <c r="A590" s="6">
        <v>8</v>
      </c>
      <c r="B590" s="4" t="s">
        <v>506</v>
      </c>
      <c r="C590" s="4" t="s">
        <v>185</v>
      </c>
    </row>
    <row r="591" spans="1:3" ht="15" x14ac:dyDescent="0.2">
      <c r="A591" s="6">
        <v>9</v>
      </c>
      <c r="B591" s="4" t="s">
        <v>507</v>
      </c>
      <c r="C591" s="4" t="s">
        <v>508</v>
      </c>
    </row>
    <row r="592" spans="1:3" ht="15" x14ac:dyDescent="0.2">
      <c r="A592" s="6">
        <v>10</v>
      </c>
      <c r="B592" s="4" t="s">
        <v>509</v>
      </c>
      <c r="C592" s="4" t="s">
        <v>60</v>
      </c>
    </row>
    <row r="593" spans="1:3" ht="15" x14ac:dyDescent="0.2">
      <c r="A593" s="4"/>
      <c r="B593" s="4"/>
      <c r="C593" s="4"/>
    </row>
    <row r="595" spans="1:3" ht="18" x14ac:dyDescent="0.25">
      <c r="A595" s="7" t="s">
        <v>510</v>
      </c>
    </row>
    <row r="597" spans="1:3" ht="15" x14ac:dyDescent="0.2">
      <c r="A597" s="4" t="s">
        <v>123</v>
      </c>
      <c r="B597" s="4" t="s">
        <v>13</v>
      </c>
      <c r="C597" s="4" t="s">
        <v>1</v>
      </c>
    </row>
    <row r="598" spans="1:3" ht="15" x14ac:dyDescent="0.2">
      <c r="A598" s="4"/>
      <c r="B598" s="4"/>
      <c r="C598" s="4"/>
    </row>
    <row r="599" spans="1:3" ht="15" x14ac:dyDescent="0.2">
      <c r="A599" s="6">
        <v>1</v>
      </c>
      <c r="B599" s="4" t="s">
        <v>511</v>
      </c>
      <c r="C599" s="4" t="s">
        <v>252</v>
      </c>
    </row>
    <row r="600" spans="1:3" ht="15" x14ac:dyDescent="0.2">
      <c r="A600" s="6">
        <v>2</v>
      </c>
      <c r="B600" s="4" t="s">
        <v>512</v>
      </c>
      <c r="C600" s="4" t="s">
        <v>256</v>
      </c>
    </row>
    <row r="601" spans="1:3" ht="15" x14ac:dyDescent="0.2">
      <c r="A601" s="6">
        <v>3</v>
      </c>
      <c r="B601" s="4" t="s">
        <v>513</v>
      </c>
      <c r="C601" s="4" t="s">
        <v>28</v>
      </c>
    </row>
    <row r="602" spans="1:3" ht="15" x14ac:dyDescent="0.2">
      <c r="A602" s="6">
        <v>4</v>
      </c>
      <c r="B602" s="4" t="s">
        <v>515</v>
      </c>
      <c r="C602" s="4" t="s">
        <v>514</v>
      </c>
    </row>
    <row r="603" spans="1:3" ht="15" x14ac:dyDescent="0.2">
      <c r="A603" s="6">
        <v>5</v>
      </c>
      <c r="B603" s="4" t="s">
        <v>516</v>
      </c>
      <c r="C603" s="4" t="s">
        <v>517</v>
      </c>
    </row>
    <row r="604" spans="1:3" ht="15" x14ac:dyDescent="0.2">
      <c r="A604" s="6">
        <v>6</v>
      </c>
      <c r="B604" s="4" t="s">
        <v>518</v>
      </c>
      <c r="C604" s="4" t="s">
        <v>118</v>
      </c>
    </row>
    <row r="605" spans="1:3" ht="15" x14ac:dyDescent="0.2">
      <c r="A605" s="6">
        <v>7</v>
      </c>
      <c r="B605" s="4" t="s">
        <v>519</v>
      </c>
      <c r="C605" s="4" t="s">
        <v>25</v>
      </c>
    </row>
    <row r="606" spans="1:3" ht="15" x14ac:dyDescent="0.2">
      <c r="A606" s="6">
        <v>8</v>
      </c>
      <c r="B606" s="4" t="s">
        <v>520</v>
      </c>
      <c r="C606" s="4" t="s">
        <v>467</v>
      </c>
    </row>
    <row r="607" spans="1:3" ht="15" x14ac:dyDescent="0.2">
      <c r="A607" s="6">
        <v>9</v>
      </c>
      <c r="B607" s="4" t="s">
        <v>521</v>
      </c>
      <c r="C607" s="4" t="s">
        <v>15</v>
      </c>
    </row>
    <row r="608" spans="1:3" ht="15" x14ac:dyDescent="0.2">
      <c r="A608" s="6">
        <v>10</v>
      </c>
      <c r="B608" s="4" t="s">
        <v>522</v>
      </c>
      <c r="C608" s="4" t="s">
        <v>256</v>
      </c>
    </row>
    <row r="609" spans="1:3" ht="15" x14ac:dyDescent="0.2">
      <c r="A609" s="4"/>
      <c r="B609" s="4"/>
      <c r="C609" s="4"/>
    </row>
    <row r="611" spans="1:3" ht="18" x14ac:dyDescent="0.25">
      <c r="A611" s="7" t="s">
        <v>534</v>
      </c>
    </row>
    <row r="613" spans="1:3" ht="15" x14ac:dyDescent="0.2">
      <c r="A613" s="4" t="s">
        <v>12</v>
      </c>
      <c r="B613" s="4" t="s">
        <v>13</v>
      </c>
      <c r="C613" s="4" t="s">
        <v>1</v>
      </c>
    </row>
    <row r="614" spans="1:3" ht="15" x14ac:dyDescent="0.2">
      <c r="A614" s="4"/>
      <c r="B614" s="4"/>
      <c r="C614" s="4"/>
    </row>
    <row r="615" spans="1:3" ht="15" x14ac:dyDescent="0.2">
      <c r="A615" s="6">
        <v>1</v>
      </c>
      <c r="B615" s="4" t="s">
        <v>523</v>
      </c>
      <c r="C615" s="4" t="s">
        <v>55</v>
      </c>
    </row>
    <row r="616" spans="1:3" ht="15" x14ac:dyDescent="0.2">
      <c r="A616" s="6">
        <v>2</v>
      </c>
      <c r="B616" s="4" t="s">
        <v>524</v>
      </c>
      <c r="C616" s="4" t="s">
        <v>160</v>
      </c>
    </row>
    <row r="617" spans="1:3" ht="15" x14ac:dyDescent="0.2">
      <c r="A617" s="6">
        <v>3</v>
      </c>
      <c r="B617" s="4" t="s">
        <v>525</v>
      </c>
      <c r="C617" s="4" t="s">
        <v>15</v>
      </c>
    </row>
    <row r="618" spans="1:3" ht="15" x14ac:dyDescent="0.2">
      <c r="A618" s="6">
        <v>4</v>
      </c>
      <c r="B618" s="4" t="s">
        <v>526</v>
      </c>
      <c r="C618" s="4" t="s">
        <v>19</v>
      </c>
    </row>
    <row r="619" spans="1:3" ht="15" x14ac:dyDescent="0.2">
      <c r="A619" s="6">
        <v>5</v>
      </c>
      <c r="B619" s="4" t="s">
        <v>527</v>
      </c>
      <c r="C619" s="4" t="s">
        <v>528</v>
      </c>
    </row>
    <row r="620" spans="1:3" ht="15" x14ac:dyDescent="0.2">
      <c r="A620" s="6">
        <v>6</v>
      </c>
      <c r="B620" s="4" t="s">
        <v>529</v>
      </c>
      <c r="C620" s="4" t="s">
        <v>15</v>
      </c>
    </row>
    <row r="621" spans="1:3" ht="15" x14ac:dyDescent="0.2">
      <c r="A621" s="6">
        <v>7</v>
      </c>
      <c r="B621" s="4" t="s">
        <v>530</v>
      </c>
      <c r="C621" s="4" t="s">
        <v>110</v>
      </c>
    </row>
    <row r="622" spans="1:3" ht="15" x14ac:dyDescent="0.2">
      <c r="A622" s="6">
        <v>8</v>
      </c>
      <c r="B622" s="4" t="s">
        <v>531</v>
      </c>
      <c r="C622" s="4" t="s">
        <v>70</v>
      </c>
    </row>
    <row r="623" spans="1:3" ht="15" x14ac:dyDescent="0.2">
      <c r="A623" s="6">
        <v>9</v>
      </c>
      <c r="B623" s="4" t="s">
        <v>532</v>
      </c>
      <c r="C623" s="4" t="s">
        <v>31</v>
      </c>
    </row>
    <row r="624" spans="1:3" ht="15" x14ac:dyDescent="0.2">
      <c r="A624" s="6">
        <v>10</v>
      </c>
      <c r="B624" s="4" t="s">
        <v>533</v>
      </c>
      <c r="C624" s="4" t="s">
        <v>52</v>
      </c>
    </row>
    <row r="625" spans="1:3" ht="15" x14ac:dyDescent="0.2">
      <c r="A625" s="4"/>
      <c r="B625" s="4"/>
      <c r="C625" s="4"/>
    </row>
    <row r="626" spans="1:3" ht="18" x14ac:dyDescent="0.25">
      <c r="A626" s="7" t="s">
        <v>535</v>
      </c>
    </row>
    <row r="628" spans="1:3" ht="15" x14ac:dyDescent="0.2">
      <c r="A628" s="4" t="s">
        <v>12</v>
      </c>
      <c r="B628" s="4" t="s">
        <v>13</v>
      </c>
      <c r="C628" s="4" t="s">
        <v>1</v>
      </c>
    </row>
    <row r="629" spans="1:3" ht="15" x14ac:dyDescent="0.2">
      <c r="A629" s="4"/>
      <c r="B629" s="4"/>
      <c r="C629" s="4"/>
    </row>
    <row r="630" spans="1:3" ht="15" x14ac:dyDescent="0.2">
      <c r="A630" s="6">
        <v>1</v>
      </c>
      <c r="B630" s="4" t="s">
        <v>536</v>
      </c>
      <c r="C630" s="4" t="s">
        <v>537</v>
      </c>
    </row>
    <row r="631" spans="1:3" ht="15" x14ac:dyDescent="0.2">
      <c r="A631" s="6">
        <v>2</v>
      </c>
      <c r="B631" s="4" t="s">
        <v>538</v>
      </c>
      <c r="C631" s="4" t="s">
        <v>37</v>
      </c>
    </row>
    <row r="632" spans="1:3" ht="15" x14ac:dyDescent="0.2">
      <c r="A632" s="6">
        <v>3</v>
      </c>
      <c r="B632" s="4" t="s">
        <v>539</v>
      </c>
      <c r="C632" s="4" t="s">
        <v>57</v>
      </c>
    </row>
    <row r="633" spans="1:3" ht="15" x14ac:dyDescent="0.2">
      <c r="A633" s="6">
        <v>4</v>
      </c>
      <c r="B633" s="4" t="s">
        <v>540</v>
      </c>
      <c r="C633" s="4" t="s">
        <v>541</v>
      </c>
    </row>
    <row r="634" spans="1:3" ht="15" x14ac:dyDescent="0.2">
      <c r="A634" s="6">
        <v>5</v>
      </c>
      <c r="B634" s="4" t="s">
        <v>542</v>
      </c>
      <c r="C634" s="4" t="s">
        <v>87</v>
      </c>
    </row>
    <row r="635" spans="1:3" ht="15" x14ac:dyDescent="0.2">
      <c r="A635" s="6">
        <v>6</v>
      </c>
      <c r="B635" s="4" t="s">
        <v>543</v>
      </c>
      <c r="C635" s="4" t="s">
        <v>31</v>
      </c>
    </row>
    <row r="636" spans="1:3" ht="15" x14ac:dyDescent="0.2">
      <c r="A636" s="6">
        <v>7</v>
      </c>
      <c r="B636" s="4" t="s">
        <v>544</v>
      </c>
      <c r="C636" s="4" t="s">
        <v>52</v>
      </c>
    </row>
    <row r="637" spans="1:3" ht="15" x14ac:dyDescent="0.2">
      <c r="A637" s="6">
        <v>8</v>
      </c>
      <c r="B637" s="4" t="s">
        <v>545</v>
      </c>
      <c r="C637" s="4" t="s">
        <v>230</v>
      </c>
    </row>
    <row r="638" spans="1:3" ht="15" x14ac:dyDescent="0.2">
      <c r="A638" s="6">
        <v>9</v>
      </c>
      <c r="B638" s="4" t="s">
        <v>546</v>
      </c>
      <c r="C638" s="4" t="s">
        <v>310</v>
      </c>
    </row>
    <row r="639" spans="1:3" ht="15" x14ac:dyDescent="0.2">
      <c r="A639" s="6">
        <v>10</v>
      </c>
      <c r="B639" s="4" t="s">
        <v>547</v>
      </c>
      <c r="C639" s="4" t="s">
        <v>31</v>
      </c>
    </row>
    <row r="642" spans="1:3" ht="15.75" x14ac:dyDescent="0.25">
      <c r="A642" s="1" t="s">
        <v>548</v>
      </c>
    </row>
    <row r="644" spans="1:3" ht="15" x14ac:dyDescent="0.2">
      <c r="A644" s="4" t="s">
        <v>12</v>
      </c>
      <c r="B644" s="4" t="s">
        <v>13</v>
      </c>
      <c r="C644" s="4" t="s">
        <v>1</v>
      </c>
    </row>
    <row r="645" spans="1:3" ht="15" x14ac:dyDescent="0.2">
      <c r="A645" s="4"/>
      <c r="B645" s="4"/>
      <c r="C645" s="4"/>
    </row>
    <row r="646" spans="1:3" ht="15" x14ac:dyDescent="0.2">
      <c r="A646" s="6">
        <v>1</v>
      </c>
      <c r="B646" s="4" t="s">
        <v>549</v>
      </c>
      <c r="C646" s="4" t="s">
        <v>550</v>
      </c>
    </row>
    <row r="647" spans="1:3" ht="15" x14ac:dyDescent="0.2">
      <c r="A647" s="6">
        <v>2</v>
      </c>
      <c r="B647" s="4" t="s">
        <v>551</v>
      </c>
      <c r="C647" s="4" t="s">
        <v>50</v>
      </c>
    </row>
    <row r="648" spans="1:3" ht="15" x14ac:dyDescent="0.2">
      <c r="A648" s="6">
        <v>3</v>
      </c>
      <c r="B648" s="4" t="s">
        <v>552</v>
      </c>
      <c r="C648" s="4" t="s">
        <v>342</v>
      </c>
    </row>
    <row r="649" spans="1:3" ht="15" x14ac:dyDescent="0.2">
      <c r="A649" s="6">
        <v>4</v>
      </c>
      <c r="B649" s="4" t="s">
        <v>553</v>
      </c>
      <c r="C649" s="4" t="s">
        <v>349</v>
      </c>
    </row>
    <row r="650" spans="1:3" ht="15" x14ac:dyDescent="0.2">
      <c r="A650" s="6">
        <v>5</v>
      </c>
      <c r="B650" s="4" t="s">
        <v>554</v>
      </c>
      <c r="C650" s="4" t="s">
        <v>141</v>
      </c>
    </row>
    <row r="651" spans="1:3" ht="15" x14ac:dyDescent="0.2">
      <c r="A651" s="6">
        <v>6</v>
      </c>
      <c r="B651" s="4" t="s">
        <v>555</v>
      </c>
      <c r="C651" s="4" t="s">
        <v>476</v>
      </c>
    </row>
    <row r="652" spans="1:3" ht="15" x14ac:dyDescent="0.2">
      <c r="A652" s="6">
        <v>7</v>
      </c>
      <c r="B652" s="4" t="s">
        <v>556</v>
      </c>
      <c r="C652" s="4" t="s">
        <v>50</v>
      </c>
    </row>
    <row r="653" spans="1:3" ht="15" x14ac:dyDescent="0.2">
      <c r="A653" s="6">
        <v>8</v>
      </c>
      <c r="B653" s="4" t="s">
        <v>557</v>
      </c>
      <c r="C653" s="4" t="s">
        <v>252</v>
      </c>
    </row>
    <row r="654" spans="1:3" ht="15" x14ac:dyDescent="0.2">
      <c r="A654" s="6">
        <v>9</v>
      </c>
      <c r="B654" s="4" t="s">
        <v>558</v>
      </c>
      <c r="C654" s="4" t="s">
        <v>559</v>
      </c>
    </row>
    <row r="655" spans="1:3" ht="15" x14ac:dyDescent="0.2">
      <c r="A655" s="6">
        <v>10</v>
      </c>
      <c r="B655" s="4" t="s">
        <v>560</v>
      </c>
      <c r="C655" s="4" t="s">
        <v>15</v>
      </c>
    </row>
    <row r="656" spans="1:3" ht="15" x14ac:dyDescent="0.2">
      <c r="A656" s="4"/>
      <c r="B656" s="4"/>
      <c r="C656" s="4"/>
    </row>
    <row r="657" spans="1:3" ht="15.75" x14ac:dyDescent="0.25">
      <c r="A657" s="1" t="s">
        <v>561</v>
      </c>
      <c r="B657" s="1"/>
    </row>
    <row r="659" spans="1:3" ht="15" x14ac:dyDescent="0.2">
      <c r="A659" s="4" t="s">
        <v>123</v>
      </c>
      <c r="B659" s="4" t="s">
        <v>13</v>
      </c>
      <c r="C659" s="4" t="s">
        <v>1</v>
      </c>
    </row>
    <row r="660" spans="1:3" ht="15" x14ac:dyDescent="0.2">
      <c r="A660" s="4"/>
      <c r="B660" s="4"/>
      <c r="C660" s="4"/>
    </row>
    <row r="661" spans="1:3" ht="15" x14ac:dyDescent="0.2">
      <c r="A661" s="6">
        <v>1</v>
      </c>
      <c r="B661" s="4" t="s">
        <v>562</v>
      </c>
      <c r="C661" s="4" t="s">
        <v>15</v>
      </c>
    </row>
    <row r="662" spans="1:3" ht="15" x14ac:dyDescent="0.2">
      <c r="A662" s="6">
        <v>2</v>
      </c>
      <c r="B662" s="4" t="s">
        <v>563</v>
      </c>
      <c r="C662" s="4" t="s">
        <v>112</v>
      </c>
    </row>
    <row r="663" spans="1:3" ht="15" x14ac:dyDescent="0.2">
      <c r="A663" s="6">
        <v>3</v>
      </c>
      <c r="B663" s="4" t="s">
        <v>564</v>
      </c>
      <c r="C663" s="4" t="s">
        <v>448</v>
      </c>
    </row>
    <row r="664" spans="1:3" ht="15" x14ac:dyDescent="0.2">
      <c r="A664" s="6">
        <v>4</v>
      </c>
      <c r="B664" s="4" t="s">
        <v>565</v>
      </c>
      <c r="C664" s="4" t="s">
        <v>15</v>
      </c>
    </row>
    <row r="665" spans="1:3" ht="15" x14ac:dyDescent="0.2">
      <c r="A665" s="6">
        <v>5</v>
      </c>
      <c r="B665" s="4" t="s">
        <v>566</v>
      </c>
      <c r="C665" s="4" t="s">
        <v>160</v>
      </c>
    </row>
    <row r="666" spans="1:3" ht="15" x14ac:dyDescent="0.2">
      <c r="A666" s="6">
        <v>6</v>
      </c>
      <c r="B666" s="4" t="s">
        <v>567</v>
      </c>
      <c r="C666" s="4" t="s">
        <v>15</v>
      </c>
    </row>
    <row r="667" spans="1:3" ht="15" x14ac:dyDescent="0.2">
      <c r="A667" s="6">
        <v>7</v>
      </c>
      <c r="B667" s="4" t="s">
        <v>568</v>
      </c>
      <c r="C667" s="4" t="s">
        <v>175</v>
      </c>
    </row>
    <row r="668" spans="1:3" ht="15" x14ac:dyDescent="0.2">
      <c r="A668" s="6">
        <v>8</v>
      </c>
      <c r="B668" s="4" t="s">
        <v>569</v>
      </c>
      <c r="C668" s="4" t="s">
        <v>570</v>
      </c>
    </row>
    <row r="669" spans="1:3" ht="15" x14ac:dyDescent="0.2">
      <c r="A669" s="6">
        <v>9</v>
      </c>
      <c r="B669" s="4" t="s">
        <v>571</v>
      </c>
      <c r="C669" s="4" t="s">
        <v>50</v>
      </c>
    </row>
    <row r="670" spans="1:3" ht="15" x14ac:dyDescent="0.2">
      <c r="A670" s="6">
        <v>10</v>
      </c>
      <c r="B670" s="4" t="s">
        <v>573</v>
      </c>
      <c r="C670" s="4" t="s">
        <v>572</v>
      </c>
    </row>
    <row r="671" spans="1:3" ht="15" x14ac:dyDescent="0.2">
      <c r="A671" s="4"/>
      <c r="B671" s="4"/>
      <c r="C671" s="4"/>
    </row>
    <row r="674" spans="1:3" ht="18" x14ac:dyDescent="0.25">
      <c r="A674" s="7" t="s">
        <v>574</v>
      </c>
    </row>
    <row r="676" spans="1:3" ht="15" x14ac:dyDescent="0.2">
      <c r="A676" s="4" t="s">
        <v>12</v>
      </c>
      <c r="B676" s="4" t="s">
        <v>13</v>
      </c>
      <c r="C676" s="4" t="s">
        <v>1</v>
      </c>
    </row>
    <row r="677" spans="1:3" ht="15" x14ac:dyDescent="0.2">
      <c r="A677" s="4"/>
      <c r="B677" s="4"/>
      <c r="C677" s="4"/>
    </row>
    <row r="678" spans="1:3" ht="15" x14ac:dyDescent="0.2">
      <c r="A678" s="6">
        <v>1</v>
      </c>
      <c r="B678" s="4" t="s">
        <v>575</v>
      </c>
      <c r="C678" s="4" t="s">
        <v>95</v>
      </c>
    </row>
    <row r="679" spans="1:3" ht="15" x14ac:dyDescent="0.2">
      <c r="A679" s="6">
        <v>2</v>
      </c>
      <c r="B679" s="4" t="s">
        <v>576</v>
      </c>
      <c r="C679" s="4" t="s">
        <v>19</v>
      </c>
    </row>
    <row r="680" spans="1:3" ht="15" x14ac:dyDescent="0.2">
      <c r="A680" s="6">
        <v>3</v>
      </c>
      <c r="B680" s="4" t="s">
        <v>577</v>
      </c>
      <c r="C680" s="4" t="s">
        <v>578</v>
      </c>
    </row>
    <row r="681" spans="1:3" ht="15" x14ac:dyDescent="0.2">
      <c r="A681" s="6">
        <v>4</v>
      </c>
      <c r="B681" s="4" t="s">
        <v>579</v>
      </c>
      <c r="C681" s="4" t="s">
        <v>349</v>
      </c>
    </row>
    <row r="682" spans="1:3" ht="15" x14ac:dyDescent="0.2">
      <c r="A682" s="6">
        <v>5</v>
      </c>
      <c r="B682" s="4" t="s">
        <v>581</v>
      </c>
      <c r="C682" s="4" t="s">
        <v>580</v>
      </c>
    </row>
    <row r="683" spans="1:3" ht="15" x14ac:dyDescent="0.2">
      <c r="A683" s="6">
        <v>6</v>
      </c>
      <c r="B683" s="4" t="s">
        <v>582</v>
      </c>
      <c r="C683" s="4" t="s">
        <v>15</v>
      </c>
    </row>
    <row r="684" spans="1:3" ht="15" x14ac:dyDescent="0.2">
      <c r="A684" s="6">
        <v>7</v>
      </c>
      <c r="B684" s="4" t="s">
        <v>583</v>
      </c>
      <c r="C684" s="4" t="s">
        <v>584</v>
      </c>
    </row>
    <row r="685" spans="1:3" ht="15" x14ac:dyDescent="0.2">
      <c r="A685" s="6">
        <v>9</v>
      </c>
      <c r="B685" s="4" t="s">
        <v>585</v>
      </c>
      <c r="C685" s="4" t="s">
        <v>192</v>
      </c>
    </row>
    <row r="686" spans="1:3" ht="15" x14ac:dyDescent="0.2">
      <c r="A686" s="6">
        <v>10</v>
      </c>
      <c r="B686" s="4" t="s">
        <v>586</v>
      </c>
      <c r="C686" s="4" t="s">
        <v>100</v>
      </c>
    </row>
    <row r="687" spans="1:3" x14ac:dyDescent="0.2">
      <c r="A687" s="5"/>
    </row>
    <row r="689" spans="1:3" ht="18" x14ac:dyDescent="0.25">
      <c r="A689" s="7" t="s">
        <v>587</v>
      </c>
    </row>
    <row r="691" spans="1:3" ht="15" x14ac:dyDescent="0.2">
      <c r="A691" s="4" t="s">
        <v>12</v>
      </c>
      <c r="B691" s="4" t="s">
        <v>588</v>
      </c>
      <c r="C691" s="4" t="s">
        <v>1</v>
      </c>
    </row>
    <row r="692" spans="1:3" ht="15" x14ac:dyDescent="0.2">
      <c r="A692" s="4"/>
      <c r="B692" s="4"/>
      <c r="C692" s="4"/>
    </row>
    <row r="693" spans="1:3" ht="15" x14ac:dyDescent="0.2">
      <c r="A693" s="6">
        <v>1</v>
      </c>
      <c r="B693" s="4" t="s">
        <v>589</v>
      </c>
      <c r="C693" s="4" t="s">
        <v>15</v>
      </c>
    </row>
    <row r="694" spans="1:3" ht="15" x14ac:dyDescent="0.2">
      <c r="A694" s="6">
        <v>2</v>
      </c>
      <c r="B694" s="4" t="s">
        <v>590</v>
      </c>
      <c r="C694" s="4" t="s">
        <v>141</v>
      </c>
    </row>
    <row r="695" spans="1:3" ht="15" x14ac:dyDescent="0.2">
      <c r="A695" s="6">
        <v>3</v>
      </c>
      <c r="B695" s="4" t="s">
        <v>591</v>
      </c>
      <c r="C695" s="4" t="s">
        <v>141</v>
      </c>
    </row>
    <row r="696" spans="1:3" ht="15" x14ac:dyDescent="0.2">
      <c r="A696" s="6">
        <v>4</v>
      </c>
      <c r="B696" s="4" t="s">
        <v>592</v>
      </c>
      <c r="C696" s="4" t="s">
        <v>15</v>
      </c>
    </row>
    <row r="697" spans="1:3" ht="15" x14ac:dyDescent="0.2">
      <c r="A697" s="6">
        <v>5</v>
      </c>
      <c r="B697" s="4" t="s">
        <v>593</v>
      </c>
      <c r="C697" s="4" t="s">
        <v>135</v>
      </c>
    </row>
    <row r="698" spans="1:3" ht="15" x14ac:dyDescent="0.2">
      <c r="A698" s="6">
        <v>6</v>
      </c>
      <c r="B698" s="4" t="s">
        <v>594</v>
      </c>
      <c r="C698" s="4" t="s">
        <v>349</v>
      </c>
    </row>
    <row r="699" spans="1:3" ht="15" x14ac:dyDescent="0.2">
      <c r="A699" s="6">
        <v>7</v>
      </c>
      <c r="B699" s="4" t="s">
        <v>595</v>
      </c>
      <c r="C699" s="4" t="s">
        <v>256</v>
      </c>
    </row>
    <row r="700" spans="1:3" ht="15" x14ac:dyDescent="0.2">
      <c r="A700" s="6">
        <v>8</v>
      </c>
      <c r="B700" s="4" t="s">
        <v>596</v>
      </c>
      <c r="C700" s="4" t="s">
        <v>256</v>
      </c>
    </row>
    <row r="701" spans="1:3" ht="15" x14ac:dyDescent="0.2">
      <c r="A701" s="6">
        <v>9</v>
      </c>
      <c r="B701" s="4" t="s">
        <v>597</v>
      </c>
      <c r="C701" s="4" t="s">
        <v>335</v>
      </c>
    </row>
    <row r="702" spans="1:3" ht="15" x14ac:dyDescent="0.2">
      <c r="A702" s="6">
        <v>10</v>
      </c>
      <c r="B702" s="4" t="s">
        <v>598</v>
      </c>
      <c r="C702" s="4" t="s">
        <v>118</v>
      </c>
    </row>
    <row r="703" spans="1:3" ht="15" x14ac:dyDescent="0.2">
      <c r="A703" s="4"/>
      <c r="B703" s="4"/>
      <c r="C703" s="4"/>
    </row>
    <row r="705" spans="1:3" ht="18" x14ac:dyDescent="0.25">
      <c r="A705" s="7" t="s">
        <v>599</v>
      </c>
      <c r="B705" s="7"/>
    </row>
    <row r="707" spans="1:3" ht="15" x14ac:dyDescent="0.2">
      <c r="A707" s="4" t="s">
        <v>12</v>
      </c>
      <c r="B707" s="4" t="s">
        <v>13</v>
      </c>
      <c r="C707" s="4" t="s">
        <v>1</v>
      </c>
    </row>
    <row r="708" spans="1:3" ht="15" x14ac:dyDescent="0.2">
      <c r="A708" s="4"/>
      <c r="B708" s="4"/>
      <c r="C708" s="4"/>
    </row>
    <row r="709" spans="1:3" ht="15" x14ac:dyDescent="0.2">
      <c r="A709" s="6">
        <v>1</v>
      </c>
      <c r="B709" s="4" t="s">
        <v>600</v>
      </c>
      <c r="C709" s="4" t="s">
        <v>19</v>
      </c>
    </row>
    <row r="710" spans="1:3" ht="15" x14ac:dyDescent="0.2">
      <c r="A710" s="6"/>
      <c r="B710" s="4" t="s">
        <v>601</v>
      </c>
      <c r="C710" s="4"/>
    </row>
    <row r="711" spans="1:3" ht="15" x14ac:dyDescent="0.2">
      <c r="A711" s="6"/>
      <c r="B711" s="4"/>
      <c r="C711" s="4"/>
    </row>
    <row r="712" spans="1:3" ht="15" x14ac:dyDescent="0.2">
      <c r="A712" s="6">
        <v>2</v>
      </c>
      <c r="B712" s="4" t="s">
        <v>602</v>
      </c>
      <c r="C712" s="4" t="s">
        <v>175</v>
      </c>
    </row>
    <row r="713" spans="1:3" ht="15" x14ac:dyDescent="0.2">
      <c r="A713" s="6"/>
      <c r="B713" s="4" t="s">
        <v>603</v>
      </c>
      <c r="C713" s="4"/>
    </row>
    <row r="714" spans="1:3" ht="15" x14ac:dyDescent="0.2">
      <c r="A714" s="6"/>
      <c r="B714" s="4"/>
      <c r="C714" s="4"/>
    </row>
    <row r="715" spans="1:3" ht="15" x14ac:dyDescent="0.2">
      <c r="A715" s="6">
        <v>3</v>
      </c>
      <c r="B715" s="4" t="s">
        <v>604</v>
      </c>
      <c r="C715" s="4" t="s">
        <v>15</v>
      </c>
    </row>
    <row r="716" spans="1:3" ht="15" x14ac:dyDescent="0.2">
      <c r="A716" s="6"/>
      <c r="B716" s="4" t="s">
        <v>605</v>
      </c>
      <c r="C716" s="4"/>
    </row>
    <row r="717" spans="1:3" ht="15" x14ac:dyDescent="0.2">
      <c r="A717" s="6"/>
      <c r="B717" s="4" t="s">
        <v>606</v>
      </c>
      <c r="C717" s="4"/>
    </row>
    <row r="718" spans="1:3" ht="15" x14ac:dyDescent="0.2">
      <c r="A718" s="6"/>
      <c r="B718" s="4"/>
      <c r="C718" s="4"/>
    </row>
    <row r="719" spans="1:3" ht="15" x14ac:dyDescent="0.2">
      <c r="A719" s="6">
        <v>4</v>
      </c>
      <c r="B719" s="4" t="s">
        <v>607</v>
      </c>
      <c r="C719" s="4" t="s">
        <v>118</v>
      </c>
    </row>
    <row r="720" spans="1:3" ht="15" x14ac:dyDescent="0.2">
      <c r="A720" s="6"/>
      <c r="B720" s="4"/>
      <c r="C720" s="4"/>
    </row>
    <row r="721" spans="1:3" ht="15" x14ac:dyDescent="0.2">
      <c r="A721" s="6">
        <v>5</v>
      </c>
      <c r="B721" s="4" t="s">
        <v>608</v>
      </c>
      <c r="C721" s="4" t="s">
        <v>55</v>
      </c>
    </row>
    <row r="722" spans="1:3" ht="15" x14ac:dyDescent="0.2">
      <c r="A722" s="6"/>
      <c r="B722" s="4" t="s">
        <v>609</v>
      </c>
      <c r="C722" s="4"/>
    </row>
    <row r="723" spans="1:3" ht="15" x14ac:dyDescent="0.2">
      <c r="A723" s="6"/>
      <c r="B723" s="4"/>
      <c r="C723" s="4"/>
    </row>
    <row r="724" spans="1:3" ht="15" x14ac:dyDescent="0.2">
      <c r="A724" s="6">
        <v>6</v>
      </c>
      <c r="B724" s="4" t="s">
        <v>610</v>
      </c>
      <c r="C724" s="4" t="s">
        <v>220</v>
      </c>
    </row>
    <row r="725" spans="1:3" ht="15" x14ac:dyDescent="0.2">
      <c r="A725" s="6"/>
      <c r="B725" s="4"/>
      <c r="C725" s="4"/>
    </row>
    <row r="726" spans="1:3" ht="15" x14ac:dyDescent="0.2">
      <c r="A726" s="6">
        <v>7</v>
      </c>
      <c r="B726" s="4" t="s">
        <v>611</v>
      </c>
      <c r="C726" s="4" t="s">
        <v>185</v>
      </c>
    </row>
    <row r="727" spans="1:3" ht="15" x14ac:dyDescent="0.2">
      <c r="A727" s="6"/>
      <c r="B727" s="4" t="s">
        <v>612</v>
      </c>
      <c r="C727" s="4"/>
    </row>
    <row r="728" spans="1:3" ht="15" x14ac:dyDescent="0.2">
      <c r="A728" s="6"/>
      <c r="B728" s="4"/>
      <c r="C728" s="4"/>
    </row>
    <row r="729" spans="1:3" ht="15" x14ac:dyDescent="0.2">
      <c r="A729" s="6">
        <v>8</v>
      </c>
      <c r="B729" s="4" t="s">
        <v>613</v>
      </c>
      <c r="C729" s="4" t="s">
        <v>331</v>
      </c>
    </row>
    <row r="730" spans="1:3" ht="15" x14ac:dyDescent="0.2">
      <c r="A730" s="6"/>
      <c r="B730" s="4" t="s">
        <v>614</v>
      </c>
      <c r="C730" s="4"/>
    </row>
    <row r="731" spans="1:3" ht="15" x14ac:dyDescent="0.2">
      <c r="A731" s="6"/>
      <c r="B731" s="4"/>
      <c r="C731" s="4"/>
    </row>
    <row r="732" spans="1:3" ht="15" x14ac:dyDescent="0.2">
      <c r="A732" s="6">
        <v>9</v>
      </c>
      <c r="B732" s="4" t="s">
        <v>615</v>
      </c>
      <c r="C732" s="4" t="s">
        <v>192</v>
      </c>
    </row>
    <row r="733" spans="1:3" ht="15" x14ac:dyDescent="0.2">
      <c r="A733" s="6"/>
      <c r="B733" s="4"/>
      <c r="C733" s="4"/>
    </row>
    <row r="734" spans="1:3" ht="15" x14ac:dyDescent="0.2">
      <c r="A734" s="6">
        <v>10</v>
      </c>
      <c r="B734" s="4" t="s">
        <v>616</v>
      </c>
      <c r="C734" s="4" t="s">
        <v>95</v>
      </c>
    </row>
    <row r="737" spans="1:3" ht="18" x14ac:dyDescent="0.25">
      <c r="A737" s="7" t="s">
        <v>617</v>
      </c>
    </row>
    <row r="739" spans="1:3" ht="15" x14ac:dyDescent="0.2">
      <c r="A739" s="4" t="s">
        <v>12</v>
      </c>
      <c r="B739" s="4" t="s">
        <v>13</v>
      </c>
      <c r="C739" s="4" t="s">
        <v>1</v>
      </c>
    </row>
    <row r="740" spans="1:3" ht="15" x14ac:dyDescent="0.2">
      <c r="A740" s="4"/>
      <c r="B740" s="4"/>
      <c r="C740" s="4"/>
    </row>
    <row r="741" spans="1:3" ht="15" x14ac:dyDescent="0.2">
      <c r="A741" s="6">
        <v>1</v>
      </c>
      <c r="B741" s="4" t="s">
        <v>595</v>
      </c>
      <c r="C741" s="4" t="s">
        <v>256</v>
      </c>
    </row>
    <row r="742" spans="1:3" ht="15" x14ac:dyDescent="0.2">
      <c r="A742" s="4"/>
      <c r="B742" s="4"/>
      <c r="C742" s="4"/>
    </row>
    <row r="744" spans="1:3" ht="18" x14ac:dyDescent="0.25">
      <c r="A744" s="7" t="s">
        <v>618</v>
      </c>
    </row>
    <row r="746" spans="1:3" ht="15" x14ac:dyDescent="0.2">
      <c r="A746" s="4" t="s">
        <v>12</v>
      </c>
      <c r="B746" s="4" t="s">
        <v>13</v>
      </c>
      <c r="C746" s="4" t="s">
        <v>1</v>
      </c>
    </row>
    <row r="747" spans="1:3" ht="15" x14ac:dyDescent="0.2">
      <c r="A747" s="4"/>
      <c r="B747" s="4"/>
      <c r="C747" s="4"/>
    </row>
    <row r="748" spans="1:3" ht="15" x14ac:dyDescent="0.2">
      <c r="A748" s="6">
        <v>1</v>
      </c>
      <c r="B748" s="4" t="s">
        <v>619</v>
      </c>
      <c r="C748" s="4" t="s">
        <v>15</v>
      </c>
    </row>
    <row r="749" spans="1:3" ht="15" x14ac:dyDescent="0.2">
      <c r="A749" s="6"/>
      <c r="B749" s="4" t="s">
        <v>620</v>
      </c>
      <c r="C749" s="4"/>
    </row>
    <row r="750" spans="1:3" ht="15" x14ac:dyDescent="0.2">
      <c r="A750" s="6"/>
      <c r="B750" s="4"/>
      <c r="C750" s="4"/>
    </row>
    <row r="751" spans="1:3" ht="15" x14ac:dyDescent="0.2">
      <c r="A751" s="6">
        <v>2</v>
      </c>
      <c r="B751" s="4" t="s">
        <v>621</v>
      </c>
      <c r="C751" s="4" t="s">
        <v>622</v>
      </c>
    </row>
    <row r="752" spans="1:3" ht="15" x14ac:dyDescent="0.2">
      <c r="A752" s="6"/>
      <c r="B752" s="4" t="s">
        <v>623</v>
      </c>
      <c r="C752" s="4"/>
    </row>
    <row r="753" spans="1:3" ht="15" x14ac:dyDescent="0.2">
      <c r="A753" s="6"/>
      <c r="B753" s="4"/>
      <c r="C753" s="4"/>
    </row>
    <row r="754" spans="1:3" ht="15" x14ac:dyDescent="0.2">
      <c r="A754" s="6">
        <v>3</v>
      </c>
      <c r="B754" s="4" t="s">
        <v>624</v>
      </c>
      <c r="C754" s="4" t="s">
        <v>220</v>
      </c>
    </row>
    <row r="755" spans="1:3" ht="15" x14ac:dyDescent="0.2">
      <c r="A755" s="6"/>
      <c r="B755" s="4" t="s">
        <v>625</v>
      </c>
      <c r="C755" s="4"/>
    </row>
    <row r="756" spans="1:3" ht="15" x14ac:dyDescent="0.2">
      <c r="A756" s="6"/>
      <c r="B756" s="4" t="s">
        <v>626</v>
      </c>
      <c r="C756" s="4"/>
    </row>
    <row r="757" spans="1:3" ht="15" x14ac:dyDescent="0.2">
      <c r="A757" s="6"/>
      <c r="B757" s="4"/>
      <c r="C757" s="4"/>
    </row>
    <row r="758" spans="1:3" ht="15" x14ac:dyDescent="0.2">
      <c r="A758" s="6">
        <v>4</v>
      </c>
      <c r="B758" s="4" t="s">
        <v>627</v>
      </c>
      <c r="C758" s="4" t="s">
        <v>15</v>
      </c>
    </row>
    <row r="759" spans="1:3" ht="15" x14ac:dyDescent="0.2">
      <c r="A759" s="6"/>
      <c r="B759" s="4" t="s">
        <v>628</v>
      </c>
      <c r="C759" s="4"/>
    </row>
    <row r="760" spans="1:3" ht="15" x14ac:dyDescent="0.2">
      <c r="A760" s="6"/>
      <c r="B760" s="4"/>
      <c r="C760" s="4"/>
    </row>
    <row r="761" spans="1:3" ht="15" x14ac:dyDescent="0.2">
      <c r="A761" s="6">
        <v>5</v>
      </c>
      <c r="B761" s="4" t="s">
        <v>629</v>
      </c>
      <c r="C761" s="4" t="s">
        <v>25</v>
      </c>
    </row>
    <row r="762" spans="1:3" ht="15" x14ac:dyDescent="0.2">
      <c r="A762" s="6"/>
      <c r="B762" s="4"/>
      <c r="C762" s="4"/>
    </row>
    <row r="763" spans="1:3" ht="15" x14ac:dyDescent="0.2">
      <c r="A763" s="6">
        <v>6</v>
      </c>
      <c r="B763" s="4" t="s">
        <v>630</v>
      </c>
      <c r="C763" s="4" t="s">
        <v>500</v>
      </c>
    </row>
    <row r="764" spans="1:3" ht="15" x14ac:dyDescent="0.2">
      <c r="A764" s="6"/>
      <c r="B764" s="4"/>
      <c r="C764" s="4"/>
    </row>
    <row r="765" spans="1:3" ht="15" x14ac:dyDescent="0.2">
      <c r="A765" s="6">
        <v>7</v>
      </c>
      <c r="B765" s="4" t="s">
        <v>631</v>
      </c>
      <c r="C765" s="4" t="s">
        <v>37</v>
      </c>
    </row>
    <row r="766" spans="1:3" ht="15" x14ac:dyDescent="0.2">
      <c r="A766" s="6"/>
      <c r="B766" s="4" t="s">
        <v>632</v>
      </c>
      <c r="C766" s="4"/>
    </row>
    <row r="767" spans="1:3" ht="15" x14ac:dyDescent="0.2">
      <c r="A767" s="6"/>
      <c r="B767" s="4"/>
      <c r="C767" s="4"/>
    </row>
    <row r="768" spans="1:3" ht="15" x14ac:dyDescent="0.2">
      <c r="A768" s="6">
        <v>8</v>
      </c>
      <c r="B768" s="4" t="s">
        <v>633</v>
      </c>
      <c r="C768" s="4" t="s">
        <v>634</v>
      </c>
    </row>
    <row r="769" spans="1:3" ht="15" x14ac:dyDescent="0.2">
      <c r="A769" s="6"/>
      <c r="B769" s="4" t="s">
        <v>635</v>
      </c>
      <c r="C769" s="4"/>
    </row>
    <row r="770" spans="1:3" ht="15" x14ac:dyDescent="0.2">
      <c r="A770" s="6"/>
      <c r="B770" s="4" t="s">
        <v>636</v>
      </c>
      <c r="C770" s="4"/>
    </row>
    <row r="771" spans="1:3" ht="15" x14ac:dyDescent="0.2">
      <c r="A771" s="6"/>
      <c r="B771" s="4"/>
      <c r="C771" s="4"/>
    </row>
    <row r="772" spans="1:3" ht="15" x14ac:dyDescent="0.2">
      <c r="A772" s="6">
        <v>9</v>
      </c>
      <c r="B772" s="4" t="s">
        <v>637</v>
      </c>
      <c r="C772" s="4" t="s">
        <v>638</v>
      </c>
    </row>
    <row r="773" spans="1:3" ht="15" x14ac:dyDescent="0.2">
      <c r="A773" s="6"/>
      <c r="B773" s="4" t="s">
        <v>639</v>
      </c>
      <c r="C773" s="4"/>
    </row>
    <row r="774" spans="1:3" ht="15" x14ac:dyDescent="0.2">
      <c r="A774" s="6"/>
      <c r="B774" s="4" t="s">
        <v>640</v>
      </c>
      <c r="C774" s="4"/>
    </row>
    <row r="775" spans="1:3" ht="15" x14ac:dyDescent="0.2">
      <c r="A775" s="6"/>
      <c r="B775" s="4"/>
      <c r="C775" s="4"/>
    </row>
    <row r="776" spans="1:3" ht="15" x14ac:dyDescent="0.2">
      <c r="A776" s="6">
        <v>10</v>
      </c>
      <c r="B776" s="4" t="s">
        <v>641</v>
      </c>
      <c r="C776" s="4" t="s">
        <v>156</v>
      </c>
    </row>
    <row r="777" spans="1:3" ht="15" x14ac:dyDescent="0.2">
      <c r="A777" s="6"/>
      <c r="B777" s="4" t="s">
        <v>642</v>
      </c>
      <c r="C777" s="4"/>
    </row>
    <row r="778" spans="1:3" ht="15" x14ac:dyDescent="0.2">
      <c r="A778" s="6"/>
      <c r="B778" s="4" t="s">
        <v>643</v>
      </c>
      <c r="C778" s="4"/>
    </row>
    <row r="781" spans="1:3" ht="18" x14ac:dyDescent="0.25">
      <c r="A781" s="7" t="s">
        <v>644</v>
      </c>
    </row>
    <row r="783" spans="1:3" ht="15" x14ac:dyDescent="0.2">
      <c r="A783" s="4" t="s">
        <v>12</v>
      </c>
      <c r="B783" s="4" t="s">
        <v>13</v>
      </c>
      <c r="C783" s="4" t="s">
        <v>1</v>
      </c>
    </row>
    <row r="784" spans="1:3" ht="15" x14ac:dyDescent="0.2">
      <c r="A784" s="4"/>
      <c r="B784" s="4"/>
      <c r="C784" s="4"/>
    </row>
    <row r="785" spans="1:3" ht="15" x14ac:dyDescent="0.2">
      <c r="A785" s="6">
        <v>1</v>
      </c>
      <c r="B785" s="4" t="s">
        <v>645</v>
      </c>
      <c r="C785" s="4" t="s">
        <v>141</v>
      </c>
    </row>
    <row r="786" spans="1:3" ht="15" x14ac:dyDescent="0.2">
      <c r="A786" s="6"/>
      <c r="B786" s="4" t="s">
        <v>646</v>
      </c>
      <c r="C786" s="4"/>
    </row>
    <row r="787" spans="1:3" ht="15" x14ac:dyDescent="0.2">
      <c r="A787" s="6"/>
      <c r="B787" s="4"/>
      <c r="C787" s="4"/>
    </row>
    <row r="788" spans="1:3" ht="15" x14ac:dyDescent="0.2">
      <c r="A788" s="6">
        <v>2</v>
      </c>
      <c r="B788" s="4" t="s">
        <v>647</v>
      </c>
      <c r="C788" s="4" t="s">
        <v>15</v>
      </c>
    </row>
    <row r="789" spans="1:3" ht="15" x14ac:dyDescent="0.2">
      <c r="A789" s="6"/>
      <c r="B789" s="4" t="s">
        <v>648</v>
      </c>
      <c r="C789" s="4"/>
    </row>
    <row r="790" spans="1:3" ht="15" x14ac:dyDescent="0.2">
      <c r="A790" s="6"/>
      <c r="B790" s="4" t="s">
        <v>649</v>
      </c>
      <c r="C790" s="4"/>
    </row>
    <row r="791" spans="1:3" ht="15" x14ac:dyDescent="0.2">
      <c r="A791" s="6"/>
      <c r="B791" s="4"/>
      <c r="C791" s="4"/>
    </row>
    <row r="792" spans="1:3" ht="15" x14ac:dyDescent="0.2">
      <c r="A792" s="6">
        <v>3</v>
      </c>
      <c r="B792" s="4" t="s">
        <v>650</v>
      </c>
      <c r="C792" s="4" t="s">
        <v>220</v>
      </c>
    </row>
    <row r="793" spans="1:3" ht="15" x14ac:dyDescent="0.2">
      <c r="A793" s="6"/>
      <c r="B793" s="4" t="s">
        <v>651</v>
      </c>
      <c r="C793" s="4"/>
    </row>
    <row r="794" spans="1:3" ht="15" x14ac:dyDescent="0.2">
      <c r="A794" s="6"/>
      <c r="B794" s="4" t="s">
        <v>652</v>
      </c>
      <c r="C794" s="4"/>
    </row>
    <row r="795" spans="1:3" ht="15" x14ac:dyDescent="0.2">
      <c r="A795" s="6"/>
      <c r="B795" s="4"/>
      <c r="C795" s="4"/>
    </row>
    <row r="796" spans="1:3" ht="15" x14ac:dyDescent="0.2">
      <c r="A796" s="6">
        <v>4</v>
      </c>
      <c r="B796" s="4" t="s">
        <v>653</v>
      </c>
      <c r="C796" s="4" t="s">
        <v>135</v>
      </c>
    </row>
    <row r="797" spans="1:3" ht="15" x14ac:dyDescent="0.2">
      <c r="A797" s="6"/>
      <c r="B797" s="4" t="s">
        <v>654</v>
      </c>
      <c r="C797" s="4"/>
    </row>
    <row r="798" spans="1:3" ht="15" x14ac:dyDescent="0.2">
      <c r="A798" s="6"/>
      <c r="B798" s="4"/>
      <c r="C798" s="4"/>
    </row>
    <row r="799" spans="1:3" ht="15" x14ac:dyDescent="0.2">
      <c r="A799" s="6">
        <v>5</v>
      </c>
      <c r="B799" s="4" t="s">
        <v>655</v>
      </c>
      <c r="C799" s="4" t="s">
        <v>156</v>
      </c>
    </row>
    <row r="800" spans="1:3" ht="15" x14ac:dyDescent="0.2">
      <c r="A800" s="6"/>
      <c r="B800" s="4" t="s">
        <v>656</v>
      </c>
      <c r="C800" s="4"/>
    </row>
    <row r="801" spans="1:3" ht="15" x14ac:dyDescent="0.2">
      <c r="A801" s="6"/>
      <c r="B801" s="4" t="s">
        <v>657</v>
      </c>
      <c r="C801" s="4"/>
    </row>
    <row r="802" spans="1:3" ht="15" x14ac:dyDescent="0.2">
      <c r="A802" s="6"/>
      <c r="B802" s="4"/>
      <c r="C802" s="4"/>
    </row>
    <row r="803" spans="1:3" ht="15" x14ac:dyDescent="0.2">
      <c r="A803" s="6">
        <v>6</v>
      </c>
      <c r="B803" s="4" t="s">
        <v>658</v>
      </c>
      <c r="C803" s="4" t="s">
        <v>171</v>
      </c>
    </row>
    <row r="804" spans="1:3" ht="15" x14ac:dyDescent="0.2">
      <c r="A804" s="6"/>
      <c r="B804" s="4"/>
      <c r="C804" s="4"/>
    </row>
    <row r="805" spans="1:3" ht="15" x14ac:dyDescent="0.2">
      <c r="A805" s="6">
        <v>7</v>
      </c>
      <c r="B805" s="4" t="s">
        <v>659</v>
      </c>
      <c r="C805" s="4" t="s">
        <v>278</v>
      </c>
    </row>
    <row r="806" spans="1:3" ht="15" x14ac:dyDescent="0.2">
      <c r="A806" s="6"/>
      <c r="B806" s="4" t="s">
        <v>660</v>
      </c>
      <c r="C806" s="4"/>
    </row>
    <row r="807" spans="1:3" ht="15" x14ac:dyDescent="0.2">
      <c r="A807" s="6"/>
      <c r="B807" s="4" t="s">
        <v>661</v>
      </c>
      <c r="C807" s="4"/>
    </row>
    <row r="808" spans="1:3" ht="15" x14ac:dyDescent="0.2">
      <c r="A808" s="6"/>
      <c r="B808" s="4"/>
      <c r="C808" s="4"/>
    </row>
    <row r="809" spans="1:3" ht="15" x14ac:dyDescent="0.2">
      <c r="A809" s="6">
        <v>8</v>
      </c>
      <c r="B809" s="4" t="s">
        <v>662</v>
      </c>
      <c r="C809" s="4" t="s">
        <v>310</v>
      </c>
    </row>
    <row r="810" spans="1:3" ht="15" x14ac:dyDescent="0.2">
      <c r="A810" s="6"/>
      <c r="B810" s="4" t="s">
        <v>663</v>
      </c>
      <c r="C810" s="4"/>
    </row>
    <row r="811" spans="1:3" ht="15" x14ac:dyDescent="0.2">
      <c r="A811" s="6"/>
      <c r="B811" s="4" t="s">
        <v>664</v>
      </c>
      <c r="C811" s="4"/>
    </row>
    <row r="812" spans="1:3" ht="15" x14ac:dyDescent="0.2">
      <c r="A812" s="6"/>
      <c r="B812" s="4"/>
      <c r="C812" s="4"/>
    </row>
    <row r="813" spans="1:3" ht="15" x14ac:dyDescent="0.2">
      <c r="A813" s="6">
        <v>9</v>
      </c>
      <c r="B813" s="4" t="s">
        <v>665</v>
      </c>
      <c r="C813" s="4" t="s">
        <v>666</v>
      </c>
    </row>
    <row r="814" spans="1:3" ht="15" x14ac:dyDescent="0.2">
      <c r="A814" s="6"/>
      <c r="B814" s="4" t="s">
        <v>667</v>
      </c>
      <c r="C814" s="4"/>
    </row>
    <row r="815" spans="1:3" ht="15" x14ac:dyDescent="0.2">
      <c r="A815" s="6"/>
      <c r="B815" s="4"/>
      <c r="C815" s="4"/>
    </row>
    <row r="816" spans="1:3" ht="15" x14ac:dyDescent="0.2">
      <c r="A816" s="6">
        <v>10</v>
      </c>
      <c r="B816" s="4" t="s">
        <v>668</v>
      </c>
      <c r="C816" s="4" t="s">
        <v>669</v>
      </c>
    </row>
    <row r="817" spans="1:3" ht="15" x14ac:dyDescent="0.2">
      <c r="A817" s="6"/>
      <c r="B817" s="4" t="s">
        <v>670</v>
      </c>
      <c r="C817" s="4"/>
    </row>
    <row r="818" spans="1:3" ht="15" x14ac:dyDescent="0.2">
      <c r="A818" s="6"/>
      <c r="B818" s="4" t="s">
        <v>671</v>
      </c>
      <c r="C818" s="4"/>
    </row>
    <row r="819" spans="1:3" ht="15" x14ac:dyDescent="0.2">
      <c r="A819" s="6"/>
      <c r="B819" s="4"/>
      <c r="C819" s="4"/>
    </row>
    <row r="821" spans="1:3" ht="15.75" x14ac:dyDescent="0.25">
      <c r="A821" s="1" t="s">
        <v>672</v>
      </c>
      <c r="B821" s="1"/>
    </row>
    <row r="823" spans="1:3" ht="15" x14ac:dyDescent="0.2">
      <c r="A823" s="4" t="s">
        <v>12</v>
      </c>
      <c r="B823" s="4" t="s">
        <v>13</v>
      </c>
      <c r="C823" s="4" t="s">
        <v>1</v>
      </c>
    </row>
    <row r="824" spans="1:3" ht="15" x14ac:dyDescent="0.2">
      <c r="A824" s="4"/>
      <c r="B824" s="4"/>
      <c r="C824" s="4"/>
    </row>
    <row r="825" spans="1:3" ht="15" x14ac:dyDescent="0.2">
      <c r="A825" s="6">
        <v>1</v>
      </c>
      <c r="B825" s="4" t="s">
        <v>673</v>
      </c>
      <c r="C825" s="4" t="s">
        <v>15</v>
      </c>
    </row>
    <row r="826" spans="1:3" ht="15" x14ac:dyDescent="0.2">
      <c r="A826" s="6"/>
      <c r="B826" s="4" t="s">
        <v>674</v>
      </c>
      <c r="C826" s="4"/>
    </row>
    <row r="827" spans="1:3" ht="15" x14ac:dyDescent="0.2">
      <c r="A827" s="6"/>
      <c r="B827" s="4"/>
      <c r="C827" s="4"/>
    </row>
    <row r="828" spans="1:3" ht="15" x14ac:dyDescent="0.2">
      <c r="A828" s="6">
        <v>2</v>
      </c>
      <c r="B828" s="4" t="s">
        <v>675</v>
      </c>
      <c r="C828" s="4" t="s">
        <v>179</v>
      </c>
    </row>
    <row r="829" spans="1:3" ht="15" x14ac:dyDescent="0.2">
      <c r="A829" s="6"/>
      <c r="B829" s="4" t="s">
        <v>676</v>
      </c>
      <c r="C829" s="4"/>
    </row>
    <row r="830" spans="1:3" ht="15" x14ac:dyDescent="0.2">
      <c r="A830" s="6"/>
      <c r="B830" s="4"/>
      <c r="C830" s="4"/>
    </row>
    <row r="831" spans="1:3" ht="15" x14ac:dyDescent="0.2">
      <c r="A831" s="6">
        <v>3</v>
      </c>
      <c r="B831" s="4" t="s">
        <v>677</v>
      </c>
      <c r="C831" s="4" t="s">
        <v>476</v>
      </c>
    </row>
    <row r="832" spans="1:3" ht="15" x14ac:dyDescent="0.2">
      <c r="A832" s="6"/>
      <c r="B832" s="4" t="s">
        <v>678</v>
      </c>
      <c r="C832" s="4"/>
    </row>
    <row r="833" spans="1:3" ht="15" x14ac:dyDescent="0.2">
      <c r="A833" s="6"/>
      <c r="B833" s="4"/>
      <c r="C833" s="4"/>
    </row>
    <row r="834" spans="1:3" ht="15" x14ac:dyDescent="0.2">
      <c r="A834" s="6">
        <v>4</v>
      </c>
      <c r="B834" s="4" t="s">
        <v>679</v>
      </c>
      <c r="C834" s="4" t="s">
        <v>256</v>
      </c>
    </row>
    <row r="835" spans="1:3" ht="15" x14ac:dyDescent="0.2">
      <c r="A835" s="6"/>
      <c r="B835" s="4" t="s">
        <v>680</v>
      </c>
      <c r="C835" s="4"/>
    </row>
    <row r="836" spans="1:3" ht="15" x14ac:dyDescent="0.2">
      <c r="A836" s="6"/>
      <c r="B836" s="4"/>
      <c r="C836" s="4"/>
    </row>
    <row r="837" spans="1:3" ht="15" x14ac:dyDescent="0.2">
      <c r="A837" s="6">
        <v>5</v>
      </c>
      <c r="B837" s="4" t="s">
        <v>681</v>
      </c>
      <c r="C837" s="4" t="s">
        <v>37</v>
      </c>
    </row>
    <row r="838" spans="1:3" ht="15" x14ac:dyDescent="0.2">
      <c r="A838" s="6"/>
      <c r="B838" s="4" t="s">
        <v>682</v>
      </c>
      <c r="C838" s="4"/>
    </row>
    <row r="839" spans="1:3" ht="15" x14ac:dyDescent="0.2">
      <c r="A839" s="6"/>
      <c r="B839" s="4"/>
      <c r="C839" s="4"/>
    </row>
    <row r="840" spans="1:3" ht="15" x14ac:dyDescent="0.2">
      <c r="A840" s="6">
        <v>6</v>
      </c>
      <c r="B840" s="4" t="s">
        <v>683</v>
      </c>
      <c r="C840" s="4" t="s">
        <v>145</v>
      </c>
    </row>
    <row r="841" spans="1:3" ht="15" x14ac:dyDescent="0.2">
      <c r="A841" s="6"/>
      <c r="B841" s="4" t="s">
        <v>684</v>
      </c>
      <c r="C841" s="4"/>
    </row>
    <row r="842" spans="1:3" ht="15" x14ac:dyDescent="0.2">
      <c r="A842" s="6"/>
      <c r="B842" s="4"/>
      <c r="C842" s="4"/>
    </row>
    <row r="843" spans="1:3" ht="15" x14ac:dyDescent="0.2">
      <c r="A843" s="6">
        <v>7</v>
      </c>
      <c r="B843" s="4" t="s">
        <v>685</v>
      </c>
      <c r="C843" s="4" t="s">
        <v>687</v>
      </c>
    </row>
    <row r="844" spans="1:3" ht="15" x14ac:dyDescent="0.2">
      <c r="A844" s="6"/>
      <c r="B844" s="4" t="s">
        <v>686</v>
      </c>
      <c r="C844" s="4"/>
    </row>
    <row r="845" spans="1:3" ht="15" x14ac:dyDescent="0.2">
      <c r="A845" s="6"/>
      <c r="B845" s="4"/>
      <c r="C845" s="4"/>
    </row>
    <row r="846" spans="1:3" ht="15" x14ac:dyDescent="0.2">
      <c r="A846" s="6">
        <v>8</v>
      </c>
      <c r="B846" s="4" t="s">
        <v>688</v>
      </c>
      <c r="C846" s="4" t="s">
        <v>120</v>
      </c>
    </row>
    <row r="847" spans="1:3" ht="15" x14ac:dyDescent="0.2">
      <c r="A847" s="6"/>
      <c r="B847" s="4" t="s">
        <v>689</v>
      </c>
      <c r="C847" s="4"/>
    </row>
    <row r="848" spans="1:3" ht="15" x14ac:dyDescent="0.2">
      <c r="A848" s="6"/>
      <c r="B848" s="4"/>
      <c r="C848" s="4"/>
    </row>
    <row r="849" spans="1:3" ht="15" x14ac:dyDescent="0.2">
      <c r="A849" s="6">
        <v>9</v>
      </c>
      <c r="B849" s="4" t="s">
        <v>690</v>
      </c>
      <c r="C849" s="4" t="s">
        <v>349</v>
      </c>
    </row>
    <row r="850" spans="1:3" ht="15" x14ac:dyDescent="0.2">
      <c r="A850" s="6"/>
      <c r="B850" s="4" t="s">
        <v>691</v>
      </c>
      <c r="C850" s="4"/>
    </row>
    <row r="851" spans="1:3" ht="15" x14ac:dyDescent="0.2">
      <c r="A851" s="6"/>
      <c r="B851" s="4"/>
      <c r="C851" s="4"/>
    </row>
    <row r="852" spans="1:3" ht="15" x14ac:dyDescent="0.2">
      <c r="A852" s="6">
        <v>10</v>
      </c>
      <c r="B852" s="4" t="s">
        <v>692</v>
      </c>
      <c r="C852" s="4" t="s">
        <v>693</v>
      </c>
    </row>
    <row r="853" spans="1:3" ht="15" x14ac:dyDescent="0.2">
      <c r="A853" s="6"/>
      <c r="B853" s="4" t="s">
        <v>694</v>
      </c>
      <c r="C853" s="4"/>
    </row>
    <row r="854" spans="1:3" ht="15" x14ac:dyDescent="0.2">
      <c r="A854" s="6"/>
      <c r="B854" s="4"/>
      <c r="C854" s="4"/>
    </row>
    <row r="855" spans="1:3" ht="15" x14ac:dyDescent="0.2">
      <c r="A855" s="4"/>
      <c r="B855" s="4"/>
      <c r="C855" s="4"/>
    </row>
  </sheetData>
  <phoneticPr fontId="1" type="noConversion"/>
  <pageMargins left="0.75" right="0.75" top="1" bottom="1" header="0.5" footer="0.5"/>
  <pageSetup orientation="portrait" horizontalDpi="4294967294" verticalDpi="0" r:id="rId1"/>
  <headerFooter alignWithMargins="0"/>
  <rowBreaks count="1" manualBreakCount="1">
    <brk id="14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2.75" x14ac:dyDescent="0.2"/>
  <sheetData/>
  <phoneticPr fontId="1" type="noConversion"/>
  <pageMargins left="0.75" right="0.75" top="1" bottom="1" header="0.5" footer="0.5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2.75" x14ac:dyDescent="0.2"/>
  <sheetData/>
  <phoneticPr fontId="1" type="noConversion"/>
  <pageMargins left="0.75" right="0.75" top="1" bottom="1" header="0.5" footer="0.5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Company>Colorado Community College System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ramirez</dc:creator>
  <cp:lastModifiedBy>Davis, Molly</cp:lastModifiedBy>
  <cp:lastPrinted>2005-04-19T01:00:12Z</cp:lastPrinted>
  <dcterms:created xsi:type="dcterms:W3CDTF">2005-04-16T22:50:52Z</dcterms:created>
  <dcterms:modified xsi:type="dcterms:W3CDTF">2021-07-19T16:58:40Z</dcterms:modified>
</cp:coreProperties>
</file>